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C:\Users\s08909\Desktop\"/>
    </mc:Choice>
  </mc:AlternateContent>
  <xr:revisionPtr revIDLastSave="0" documentId="13_ncr:1_{012F12E6-6A30-4920-9810-3AA432E3FF51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２-(2)（漁業）" sheetId="1" r:id="rId1"/>
    <sheet name="２-(2)（養殖）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06" uniqueCount="85">
  <si>
    <t>単位：経営体</t>
    <rPh sb="0" eb="2">
      <t>タンイ</t>
    </rPh>
    <rPh sb="3" eb="6">
      <t>ケイエイタイ</t>
    </rPh>
    <phoneticPr fontId="7"/>
  </si>
  <si>
    <r>
      <t>　　　　　　　　　　　  　市町村　　　　　　　　　　　　　　　　　　　　　　　　　　　　　　　　　　　　　　　　　　　　　　　　　　
　</t>
    </r>
    <r>
      <rPr>
        <sz val="12"/>
        <color theme="1"/>
        <rFont val="ＭＳ 明朝"/>
        <family val="1"/>
        <charset val="128"/>
      </rPr>
      <t>区分</t>
    </r>
    <rPh sb="14" eb="17">
      <t>シチョウソン</t>
    </rPh>
    <rPh sb="69" eb="71">
      <t>クブン</t>
    </rPh>
    <phoneticPr fontId="7"/>
  </si>
  <si>
    <t>松江市</t>
    <rPh sb="0" eb="3">
      <t>マツエシ</t>
    </rPh>
    <phoneticPr fontId="7"/>
  </si>
  <si>
    <t>浜田市</t>
    <rPh sb="0" eb="3">
      <t>ハマダシ</t>
    </rPh>
    <phoneticPr fontId="7"/>
  </si>
  <si>
    <t>出雲市</t>
    <rPh sb="0" eb="3">
      <t>イズモシ</t>
    </rPh>
    <phoneticPr fontId="7"/>
  </si>
  <si>
    <t>益田市</t>
    <rPh sb="0" eb="3">
      <t>マスダシ</t>
    </rPh>
    <phoneticPr fontId="7"/>
  </si>
  <si>
    <t>大田市</t>
    <rPh sb="0" eb="3">
      <t>オオダシ</t>
    </rPh>
    <phoneticPr fontId="7"/>
  </si>
  <si>
    <t>安来市</t>
    <rPh sb="0" eb="3">
      <t>ヤスギシ</t>
    </rPh>
    <phoneticPr fontId="7"/>
  </si>
  <si>
    <t>江津市</t>
    <rPh sb="0" eb="3">
      <t>ゴウツシ</t>
    </rPh>
    <phoneticPr fontId="7"/>
  </si>
  <si>
    <t>海士町</t>
    <rPh sb="0" eb="3">
      <t>アマチョウ</t>
    </rPh>
    <phoneticPr fontId="7"/>
  </si>
  <si>
    <t>西ノ島町</t>
    <rPh sb="0" eb="1">
      <t>ニシ</t>
    </rPh>
    <rPh sb="2" eb="3">
      <t>シマ</t>
    </rPh>
    <rPh sb="3" eb="4">
      <t>マチ</t>
    </rPh>
    <phoneticPr fontId="7"/>
  </si>
  <si>
    <t>知夫村</t>
    <rPh sb="0" eb="1">
      <t>シ</t>
    </rPh>
    <rPh sb="1" eb="2">
      <t>オット</t>
    </rPh>
    <rPh sb="2" eb="3">
      <t>ムラ</t>
    </rPh>
    <phoneticPr fontId="7"/>
  </si>
  <si>
    <t>隠岐の島町</t>
    <rPh sb="0" eb="2">
      <t>オキ</t>
    </rPh>
    <rPh sb="3" eb="4">
      <t>シマ</t>
    </rPh>
    <rPh sb="4" eb="5">
      <t>チョウ</t>
    </rPh>
    <phoneticPr fontId="7"/>
  </si>
  <si>
    <t>計</t>
    <rPh sb="0" eb="1">
      <t>ケイ</t>
    </rPh>
    <phoneticPr fontId="7"/>
  </si>
  <si>
    <t>全国</t>
    <rPh sb="0" eb="2">
      <t>ゼンコク</t>
    </rPh>
    <phoneticPr fontId="7"/>
  </si>
  <si>
    <t>日本海西区</t>
    <rPh sb="0" eb="3">
      <t>ニホンカイ</t>
    </rPh>
    <rPh sb="3" eb="5">
      <t>ニシク</t>
    </rPh>
    <phoneticPr fontId="7"/>
  </si>
  <si>
    <t>計（実数）</t>
    <rPh sb="0" eb="1">
      <t>ケイ</t>
    </rPh>
    <rPh sb="2" eb="4">
      <t>ジッスウ</t>
    </rPh>
    <phoneticPr fontId="7"/>
  </si>
  <si>
    <t>底びき網</t>
    <rPh sb="0" eb="1">
      <t>ソコ</t>
    </rPh>
    <rPh sb="3" eb="4">
      <t>アミ</t>
    </rPh>
    <phoneticPr fontId="7"/>
  </si>
  <si>
    <t>遠洋底びき網</t>
    <rPh sb="0" eb="2">
      <t>エンヨウ</t>
    </rPh>
    <rPh sb="2" eb="3">
      <t>ソコ</t>
    </rPh>
    <rPh sb="5" eb="6">
      <t>アミ</t>
    </rPh>
    <phoneticPr fontId="7"/>
  </si>
  <si>
    <t>－</t>
    <phoneticPr fontId="7"/>
  </si>
  <si>
    <t xml:space="preserve"> -</t>
  </si>
  <si>
    <t>以西底びき網</t>
    <rPh sb="0" eb="2">
      <t>イセイ</t>
    </rPh>
    <rPh sb="2" eb="3">
      <t>ソコ</t>
    </rPh>
    <rPh sb="5" eb="6">
      <t>アミ</t>
    </rPh>
    <phoneticPr fontId="7"/>
  </si>
  <si>
    <t>沖合底びき網１そうびき</t>
    <rPh sb="0" eb="2">
      <t>オキアイ</t>
    </rPh>
    <rPh sb="2" eb="3">
      <t>ソコ</t>
    </rPh>
    <rPh sb="5" eb="6">
      <t>アミ</t>
    </rPh>
    <phoneticPr fontId="7"/>
  </si>
  <si>
    <t>沖合底びき網２そうびき</t>
    <rPh sb="0" eb="2">
      <t>オキアイ</t>
    </rPh>
    <rPh sb="2" eb="3">
      <t>ソコ</t>
    </rPh>
    <rPh sb="5" eb="6">
      <t>アミ</t>
    </rPh>
    <phoneticPr fontId="7"/>
  </si>
  <si>
    <t>小型底びき網</t>
    <rPh sb="0" eb="2">
      <t>コガタ</t>
    </rPh>
    <rPh sb="2" eb="3">
      <t>ソコ</t>
    </rPh>
    <rPh sb="5" eb="6">
      <t>アミ</t>
    </rPh>
    <phoneticPr fontId="7"/>
  </si>
  <si>
    <t>船　び　き　網</t>
    <rPh sb="0" eb="1">
      <t>フネ</t>
    </rPh>
    <rPh sb="6" eb="7">
      <t>アミ</t>
    </rPh>
    <phoneticPr fontId="7"/>
  </si>
  <si>
    <t>まき網</t>
    <rPh sb="2" eb="3">
      <t>アミ</t>
    </rPh>
    <phoneticPr fontId="7"/>
  </si>
  <si>
    <t>大中型まき網</t>
    <rPh sb="0" eb="1">
      <t>ダイ</t>
    </rPh>
    <rPh sb="1" eb="3">
      <t>チュウガタ</t>
    </rPh>
    <rPh sb="5" eb="6">
      <t>アミ</t>
    </rPh>
    <phoneticPr fontId="7"/>
  </si>
  <si>
    <t>１そうまき遠洋かつお・まぐろ</t>
    <rPh sb="5" eb="7">
      <t>エンヨウ</t>
    </rPh>
    <phoneticPr fontId="7"/>
  </si>
  <si>
    <t>１そうまきその他</t>
    <rPh sb="7" eb="8">
      <t>タ</t>
    </rPh>
    <phoneticPr fontId="7"/>
  </si>
  <si>
    <t>２そうまき</t>
    <phoneticPr fontId="7"/>
  </si>
  <si>
    <t>刺網</t>
    <rPh sb="0" eb="2">
      <t>サシアミ</t>
    </rPh>
    <phoneticPr fontId="7"/>
  </si>
  <si>
    <t>さけ・ます流し網</t>
    <rPh sb="5" eb="6">
      <t>ナガ</t>
    </rPh>
    <rPh sb="7" eb="8">
      <t>アミ</t>
    </rPh>
    <phoneticPr fontId="7"/>
  </si>
  <si>
    <t>かじき等流し網</t>
    <rPh sb="3" eb="4">
      <t>トウ</t>
    </rPh>
    <rPh sb="4" eb="5">
      <t>ナガ</t>
    </rPh>
    <rPh sb="6" eb="7">
      <t>アミ</t>
    </rPh>
    <phoneticPr fontId="7"/>
  </si>
  <si>
    <t>その他の刺網</t>
    <rPh sb="2" eb="3">
      <t>タ</t>
    </rPh>
    <rPh sb="4" eb="6">
      <t>サシアミ</t>
    </rPh>
    <phoneticPr fontId="7"/>
  </si>
  <si>
    <t>さんま棒受網</t>
    <rPh sb="3" eb="5">
      <t>ボウウケ</t>
    </rPh>
    <rPh sb="5" eb="6">
      <t>アミ</t>
    </rPh>
    <phoneticPr fontId="7"/>
  </si>
  <si>
    <t>大型定置網</t>
    <rPh sb="0" eb="2">
      <t>オオガタ</t>
    </rPh>
    <rPh sb="2" eb="5">
      <t>テイチアミ</t>
    </rPh>
    <phoneticPr fontId="7"/>
  </si>
  <si>
    <t>さけ定置網</t>
    <rPh sb="2" eb="5">
      <t>テイチアミ</t>
    </rPh>
    <phoneticPr fontId="7"/>
  </si>
  <si>
    <t>小型定置網</t>
    <rPh sb="0" eb="2">
      <t>コガタ</t>
    </rPh>
    <rPh sb="2" eb="5">
      <t>テイチアミ</t>
    </rPh>
    <phoneticPr fontId="7"/>
  </si>
  <si>
    <t>その他の網漁業</t>
    <rPh sb="2" eb="3">
      <t>タ</t>
    </rPh>
    <rPh sb="4" eb="5">
      <t>アミ</t>
    </rPh>
    <rPh sb="5" eb="7">
      <t>ギョギョウ</t>
    </rPh>
    <phoneticPr fontId="7"/>
  </si>
  <si>
    <t>はえ縄</t>
    <rPh sb="2" eb="3">
      <t>ナワ</t>
    </rPh>
    <phoneticPr fontId="7"/>
  </si>
  <si>
    <t>遠洋まぐろはえ縄</t>
    <rPh sb="0" eb="2">
      <t>エンヨウ</t>
    </rPh>
    <rPh sb="7" eb="8">
      <t>ナワ</t>
    </rPh>
    <phoneticPr fontId="7"/>
  </si>
  <si>
    <t>近海まぐろはえ縄</t>
    <rPh sb="0" eb="2">
      <t>キンカイ</t>
    </rPh>
    <rPh sb="7" eb="8">
      <t>ナワ</t>
    </rPh>
    <phoneticPr fontId="7"/>
  </si>
  <si>
    <t>沿岸まぐろはえ縄</t>
    <rPh sb="0" eb="2">
      <t>エンガン</t>
    </rPh>
    <rPh sb="7" eb="8">
      <t>ナワ</t>
    </rPh>
    <phoneticPr fontId="7"/>
  </si>
  <si>
    <t>その他のはえ縄</t>
    <rPh sb="2" eb="3">
      <t>タ</t>
    </rPh>
    <rPh sb="6" eb="7">
      <t>ナワ</t>
    </rPh>
    <phoneticPr fontId="7"/>
  </si>
  <si>
    <t>釣</t>
    <rPh sb="0" eb="1">
      <t>ツ</t>
    </rPh>
    <phoneticPr fontId="7"/>
  </si>
  <si>
    <t>遠洋かつお一本釣</t>
    <rPh sb="0" eb="2">
      <t>エンヨウ</t>
    </rPh>
    <rPh sb="5" eb="8">
      <t>イッポンツ</t>
    </rPh>
    <phoneticPr fontId="7"/>
  </si>
  <si>
    <t>近海かつお一本釣</t>
    <rPh sb="0" eb="2">
      <t>キンカイ</t>
    </rPh>
    <rPh sb="5" eb="7">
      <t>イッポン</t>
    </rPh>
    <rPh sb="7" eb="8">
      <t>ツ</t>
    </rPh>
    <phoneticPr fontId="7"/>
  </si>
  <si>
    <t>沿岸かつお一本釣</t>
    <rPh sb="0" eb="2">
      <t>エンガン</t>
    </rPh>
    <rPh sb="5" eb="8">
      <t>イッポンツ</t>
    </rPh>
    <phoneticPr fontId="7"/>
  </si>
  <si>
    <t>遠洋・近海いか釣</t>
    <rPh sb="0" eb="2">
      <t>エンヨウ</t>
    </rPh>
    <rPh sb="3" eb="5">
      <t>キンカイ</t>
    </rPh>
    <rPh sb="7" eb="8">
      <t>ツ</t>
    </rPh>
    <phoneticPr fontId="7"/>
  </si>
  <si>
    <t>沿岸いか釣</t>
    <rPh sb="0" eb="2">
      <t>エンガン</t>
    </rPh>
    <rPh sb="4" eb="5">
      <t>ツ</t>
    </rPh>
    <phoneticPr fontId="7"/>
  </si>
  <si>
    <t>ひき縄釣</t>
    <rPh sb="2" eb="3">
      <t>ナワ</t>
    </rPh>
    <rPh sb="3" eb="4">
      <t>ツ</t>
    </rPh>
    <phoneticPr fontId="7"/>
  </si>
  <si>
    <t>その他の釣</t>
    <rPh sb="2" eb="3">
      <t>タ</t>
    </rPh>
    <rPh sb="4" eb="5">
      <t>ツ</t>
    </rPh>
    <phoneticPr fontId="7"/>
  </si>
  <si>
    <t>小　型　捕　鯨</t>
    <rPh sb="0" eb="1">
      <t>ショウ</t>
    </rPh>
    <rPh sb="2" eb="3">
      <t>カタ</t>
    </rPh>
    <rPh sb="4" eb="5">
      <t>ホ</t>
    </rPh>
    <rPh sb="6" eb="7">
      <t>クジラ</t>
    </rPh>
    <phoneticPr fontId="7"/>
  </si>
  <si>
    <t>潜水器漁業</t>
    <rPh sb="0" eb="2">
      <t>センスイ</t>
    </rPh>
    <rPh sb="2" eb="3">
      <t>ウツワ</t>
    </rPh>
    <rPh sb="3" eb="5">
      <t>ギョギョウ</t>
    </rPh>
    <phoneticPr fontId="7"/>
  </si>
  <si>
    <t>採貝・採藻</t>
    <rPh sb="0" eb="1">
      <t>ト</t>
    </rPh>
    <rPh sb="1" eb="2">
      <t>カイ</t>
    </rPh>
    <rPh sb="3" eb="4">
      <t>ト</t>
    </rPh>
    <rPh sb="4" eb="5">
      <t>モ</t>
    </rPh>
    <phoneticPr fontId="7"/>
  </si>
  <si>
    <t>その他の漁業</t>
    <rPh sb="2" eb="3">
      <t>タ</t>
    </rPh>
    <rPh sb="4" eb="6">
      <t>ギョギョウ</t>
    </rPh>
    <phoneticPr fontId="7"/>
  </si>
  <si>
    <t>海面養殖</t>
    <rPh sb="0" eb="2">
      <t>カイメン</t>
    </rPh>
    <rPh sb="2" eb="4">
      <t>ヨウショク</t>
    </rPh>
    <phoneticPr fontId="7"/>
  </si>
  <si>
    <t>魚類養殖</t>
    <rPh sb="0" eb="2">
      <t>ギョルイ</t>
    </rPh>
    <rPh sb="2" eb="4">
      <t>ヨウショク</t>
    </rPh>
    <phoneticPr fontId="7"/>
  </si>
  <si>
    <t>ぎんざけ養殖</t>
    <rPh sb="4" eb="6">
      <t>ヨウショク</t>
    </rPh>
    <phoneticPr fontId="7"/>
  </si>
  <si>
    <t>にじます養殖</t>
    <rPh sb="4" eb="6">
      <t>ヨウショク</t>
    </rPh>
    <phoneticPr fontId="7"/>
  </si>
  <si>
    <t>その他のさけ・ます養殖</t>
    <rPh sb="2" eb="3">
      <t>タ</t>
    </rPh>
    <rPh sb="9" eb="11">
      <t>ヨウショク</t>
    </rPh>
    <phoneticPr fontId="7"/>
  </si>
  <si>
    <t>ぶり類養殖</t>
    <rPh sb="2" eb="3">
      <t>ルイ</t>
    </rPh>
    <rPh sb="3" eb="5">
      <t>ヨウショク</t>
    </rPh>
    <phoneticPr fontId="7"/>
  </si>
  <si>
    <t>まだい養殖</t>
    <rPh sb="3" eb="5">
      <t>ヨウショク</t>
    </rPh>
    <phoneticPr fontId="7"/>
  </si>
  <si>
    <t>ひらめ養殖</t>
    <rPh sb="3" eb="5">
      <t>ヨウショク</t>
    </rPh>
    <phoneticPr fontId="7"/>
  </si>
  <si>
    <t>とらふぐ養殖</t>
    <rPh sb="4" eb="6">
      <t>ヨウショク</t>
    </rPh>
    <phoneticPr fontId="7"/>
  </si>
  <si>
    <t>くろまぐろ養殖</t>
    <rPh sb="5" eb="7">
      <t>ヨウショク</t>
    </rPh>
    <phoneticPr fontId="7"/>
  </si>
  <si>
    <t>その他の魚類養殖</t>
    <rPh sb="2" eb="3">
      <t>タ</t>
    </rPh>
    <rPh sb="4" eb="6">
      <t>ギョルイ</t>
    </rPh>
    <rPh sb="6" eb="8">
      <t>ヨウショク</t>
    </rPh>
    <phoneticPr fontId="7"/>
  </si>
  <si>
    <t>ほたてがい養殖</t>
    <rPh sb="5" eb="7">
      <t>ヨウショク</t>
    </rPh>
    <phoneticPr fontId="7"/>
  </si>
  <si>
    <t>かき類養殖</t>
    <rPh sb="2" eb="3">
      <t>ルイ</t>
    </rPh>
    <rPh sb="3" eb="5">
      <t>ヨウショク</t>
    </rPh>
    <phoneticPr fontId="7"/>
  </si>
  <si>
    <t>その他の貝類養殖</t>
    <rPh sb="2" eb="3">
      <t>タ</t>
    </rPh>
    <rPh sb="4" eb="6">
      <t>カイルイ</t>
    </rPh>
    <rPh sb="6" eb="8">
      <t>ヨウショク</t>
    </rPh>
    <phoneticPr fontId="7"/>
  </si>
  <si>
    <t>くるまえび養殖</t>
    <rPh sb="5" eb="7">
      <t>ヨウショク</t>
    </rPh>
    <phoneticPr fontId="7"/>
  </si>
  <si>
    <t>ほや類養殖</t>
    <rPh sb="2" eb="3">
      <t>ルイ</t>
    </rPh>
    <rPh sb="3" eb="5">
      <t>ヨウショク</t>
    </rPh>
    <phoneticPr fontId="7"/>
  </si>
  <si>
    <t>その他の水産動物類養殖</t>
    <rPh sb="2" eb="3">
      <t>タ</t>
    </rPh>
    <rPh sb="4" eb="6">
      <t>スイサン</t>
    </rPh>
    <rPh sb="6" eb="8">
      <t>ドウブツ</t>
    </rPh>
    <rPh sb="8" eb="9">
      <t>ルイ</t>
    </rPh>
    <rPh sb="9" eb="11">
      <t>ヨウショク</t>
    </rPh>
    <phoneticPr fontId="7"/>
  </si>
  <si>
    <t>こんぶ類養殖</t>
    <rPh sb="3" eb="4">
      <t>ルイ</t>
    </rPh>
    <rPh sb="4" eb="6">
      <t>ヨウショク</t>
    </rPh>
    <phoneticPr fontId="7"/>
  </si>
  <si>
    <t>わかめ類養殖</t>
    <rPh sb="3" eb="4">
      <t>ルイ</t>
    </rPh>
    <rPh sb="4" eb="6">
      <t>ヨウショク</t>
    </rPh>
    <phoneticPr fontId="7"/>
  </si>
  <si>
    <t>のり類養殖</t>
    <rPh sb="2" eb="3">
      <t>ルイ</t>
    </rPh>
    <rPh sb="3" eb="5">
      <t>ヨウショク</t>
    </rPh>
    <phoneticPr fontId="7"/>
  </si>
  <si>
    <t>その他の海藻類養殖</t>
    <rPh sb="2" eb="3">
      <t>タ</t>
    </rPh>
    <rPh sb="4" eb="7">
      <t>カイソウルイ</t>
    </rPh>
    <rPh sb="7" eb="9">
      <t>ヨウショク</t>
    </rPh>
    <phoneticPr fontId="7"/>
  </si>
  <si>
    <t>真珠養殖</t>
    <rPh sb="0" eb="2">
      <t>シンジュ</t>
    </rPh>
    <rPh sb="2" eb="4">
      <t>ヨウショク</t>
    </rPh>
    <phoneticPr fontId="7"/>
  </si>
  <si>
    <t>真珠母貝養殖</t>
    <rPh sb="0" eb="2">
      <t>シンジュ</t>
    </rPh>
    <rPh sb="2" eb="4">
      <t>ボガイ</t>
    </rPh>
    <rPh sb="4" eb="6">
      <t>ヨウショク</t>
    </rPh>
    <phoneticPr fontId="7"/>
  </si>
  <si>
    <t xml:space="preserve"> </t>
    <phoneticPr fontId="7"/>
  </si>
  <si>
    <t>中・小型まき網</t>
    <rPh sb="0" eb="1">
      <t>チュウ</t>
    </rPh>
    <rPh sb="2" eb="4">
      <t>コガタ</t>
    </rPh>
    <rPh sb="6" eb="7">
      <t>アミ</t>
    </rPh>
    <phoneticPr fontId="7"/>
  </si>
  <si>
    <t>〇市町村別統計</t>
    <rPh sb="1" eb="4">
      <t>シチョウソン</t>
    </rPh>
    <rPh sb="4" eb="5">
      <t>ベツ</t>
    </rPh>
    <rPh sb="5" eb="7">
      <t>トウケイ</t>
    </rPh>
    <phoneticPr fontId="1"/>
  </si>
  <si>
    <t>　２営んだ漁業種類別・市町村別漁業経営体数（複数回答）</t>
    <rPh sb="2" eb="3">
      <t>イトナ</t>
    </rPh>
    <rPh sb="5" eb="7">
      <t>ギョギョウ</t>
    </rPh>
    <rPh sb="7" eb="10">
      <t>シュルイベツ</t>
    </rPh>
    <rPh sb="11" eb="14">
      <t>シチョウソン</t>
    </rPh>
    <rPh sb="14" eb="15">
      <t>ベツ</t>
    </rPh>
    <rPh sb="15" eb="17">
      <t>ギョギョウ</t>
    </rPh>
    <rPh sb="17" eb="20">
      <t>ケイエイタイ</t>
    </rPh>
    <rPh sb="20" eb="21">
      <t>スウ</t>
    </rPh>
    <rPh sb="22" eb="24">
      <t>フクスウ</t>
    </rPh>
    <rPh sb="24" eb="26">
      <t>カイトウ</t>
    </rPh>
    <phoneticPr fontId="4"/>
  </si>
  <si>
    <t>２営んだ漁業種類別・市町村別漁業経営体数（複数回答）</t>
    <rPh sb="1" eb="2">
      <t>イトナ</t>
    </rPh>
    <rPh sb="4" eb="6">
      <t>ギョギョウ</t>
    </rPh>
    <rPh sb="6" eb="9">
      <t>シュルイベツ</t>
    </rPh>
    <rPh sb="10" eb="13">
      <t>シチョウソン</t>
    </rPh>
    <rPh sb="13" eb="14">
      <t>ベツ</t>
    </rPh>
    <rPh sb="14" eb="16">
      <t>ギョギョウ</t>
    </rPh>
    <rPh sb="16" eb="19">
      <t>ケイエイタイ</t>
    </rPh>
    <rPh sb="19" eb="20">
      <t>スウ</t>
    </rPh>
    <rPh sb="21" eb="23">
      <t>フクスウ</t>
    </rPh>
    <rPh sb="23" eb="25">
      <t>カイト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176" formatCode="0.0000_);[Red]\(0.0000\)"/>
    <numFmt numFmtId="177" formatCode="0_);[Red]\(0\)"/>
    <numFmt numFmtId="178" formatCode="#,###,##0"/>
    <numFmt numFmtId="179" formatCode="#,##0;&quot;△ &quot;#,##0"/>
    <numFmt numFmtId="180" formatCode="#,##0_ "/>
    <numFmt numFmtId="181" formatCode="#,##0.0_ "/>
  </numFmts>
  <fonts count="1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11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3"/>
      <name val="ＭＳ 明朝"/>
      <family val="1"/>
      <charset val="128"/>
    </font>
    <font>
      <sz val="13"/>
      <color theme="1"/>
      <name val="ＭＳ 明朝"/>
      <family val="1"/>
      <charset val="128"/>
    </font>
    <font>
      <sz val="13"/>
      <color theme="1"/>
      <name val="ＭＳ Ｐゴシック"/>
      <family val="3"/>
      <charset val="128"/>
    </font>
    <font>
      <sz val="11.5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5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 diagonalDown="1">
      <left/>
      <right/>
      <top style="double">
        <color indexed="64"/>
      </top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 style="double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/>
  </cellStyleXfs>
  <cellXfs count="93">
    <xf numFmtId="0" fontId="0" fillId="0" borderId="0" xfId="0">
      <alignment vertical="center"/>
    </xf>
    <xf numFmtId="176" fontId="0" fillId="0" borderId="0" xfId="0" applyNumberFormat="1" applyAlignment="1"/>
    <xf numFmtId="0" fontId="0" fillId="0" borderId="0" xfId="0" applyAlignment="1"/>
    <xf numFmtId="0" fontId="3" fillId="0" borderId="0" xfId="1" applyFont="1" applyFill="1" applyAlignment="1">
      <alignment vertical="top"/>
    </xf>
    <xf numFmtId="0" fontId="5" fillId="0" borderId="0" xfId="1" applyFont="1" applyFill="1" applyAlignment="1">
      <alignment vertical="top"/>
    </xf>
    <xf numFmtId="0" fontId="6" fillId="0" borderId="0" xfId="0" applyFont="1" applyAlignment="1"/>
    <xf numFmtId="0" fontId="10" fillId="0" borderId="3" xfId="0" applyFont="1" applyBorder="1" applyAlignment="1">
      <alignment horizontal="center" vertical="center" wrapText="1"/>
    </xf>
    <xf numFmtId="0" fontId="11" fillId="0" borderId="4" xfId="0" applyFont="1" applyBorder="1" applyAlignment="1">
      <alignment horizontal="center" vertical="center" wrapText="1"/>
    </xf>
    <xf numFmtId="0" fontId="11" fillId="0" borderId="5" xfId="0" applyFont="1" applyBorder="1" applyAlignment="1">
      <alignment horizontal="center" vertical="center" wrapText="1"/>
    </xf>
    <xf numFmtId="0" fontId="11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 wrapText="1"/>
    </xf>
    <xf numFmtId="0" fontId="11" fillId="0" borderId="6" xfId="0" applyFont="1" applyBorder="1" applyAlignment="1">
      <alignment horizontal="center" vertical="center" wrapText="1"/>
    </xf>
    <xf numFmtId="0" fontId="13" fillId="0" borderId="5" xfId="0" applyFont="1" applyBorder="1" applyAlignment="1">
      <alignment horizontal="center" vertical="center" wrapText="1"/>
    </xf>
    <xf numFmtId="177" fontId="3" fillId="0" borderId="9" xfId="0" applyNumberFormat="1" applyFont="1" applyFill="1" applyBorder="1" applyAlignment="1" applyProtection="1">
      <alignment horizontal="right" vertical="center" shrinkToFit="1"/>
    </xf>
    <xf numFmtId="177" fontId="3" fillId="0" borderId="10" xfId="0" applyNumberFormat="1" applyFont="1" applyFill="1" applyBorder="1" applyAlignment="1" applyProtection="1">
      <alignment horizontal="right" vertical="center" shrinkToFit="1"/>
    </xf>
    <xf numFmtId="178" fontId="3" fillId="0" borderId="0" xfId="0" applyNumberFormat="1" applyFont="1" applyFill="1" applyBorder="1" applyAlignment="1" applyProtection="1">
      <alignment horizontal="right" vertical="center" shrinkToFit="1"/>
    </xf>
    <xf numFmtId="179" fontId="3" fillId="0" borderId="0" xfId="0" applyNumberFormat="1" applyFont="1" applyBorder="1" applyAlignment="1">
      <alignment vertical="center"/>
    </xf>
    <xf numFmtId="177" fontId="3" fillId="0" borderId="12" xfId="0" applyNumberFormat="1" applyFont="1" applyBorder="1" applyAlignment="1">
      <alignment horizontal="right" vertical="center"/>
    </xf>
    <xf numFmtId="177" fontId="3" fillId="0" borderId="0" xfId="0" applyNumberFormat="1" applyFont="1" applyBorder="1" applyAlignment="1">
      <alignment horizontal="right" vertical="center"/>
    </xf>
    <xf numFmtId="180" fontId="3" fillId="0" borderId="0" xfId="0" applyNumberFormat="1" applyFont="1" applyBorder="1" applyAlignment="1">
      <alignment horizontal="right" vertical="center"/>
    </xf>
    <xf numFmtId="180" fontId="3" fillId="0" borderId="0" xfId="0" applyNumberFormat="1" applyFont="1" applyBorder="1" applyAlignment="1">
      <alignment horizontal="right"/>
    </xf>
    <xf numFmtId="177" fontId="3" fillId="0" borderId="12" xfId="0" applyNumberFormat="1" applyFont="1" applyBorder="1" applyAlignment="1">
      <alignment vertical="center"/>
    </xf>
    <xf numFmtId="177" fontId="3" fillId="0" borderId="0" xfId="0" applyNumberFormat="1" applyFont="1" applyBorder="1" applyAlignment="1">
      <alignment vertical="center"/>
    </xf>
    <xf numFmtId="181" fontId="3" fillId="0" borderId="0" xfId="0" applyNumberFormat="1" applyFont="1" applyBorder="1" applyAlignment="1">
      <alignment vertical="center"/>
    </xf>
    <xf numFmtId="180" fontId="15" fillId="0" borderId="15" xfId="0" applyNumberFormat="1" applyFont="1" applyBorder="1" applyAlignment="1">
      <alignment horizontal="distributed" vertical="center"/>
    </xf>
    <xf numFmtId="180" fontId="11" fillId="0" borderId="15" xfId="0" applyNumberFormat="1" applyFont="1" applyBorder="1" applyAlignment="1">
      <alignment horizontal="distributed" vertical="center"/>
    </xf>
    <xf numFmtId="177" fontId="3" fillId="0" borderId="0" xfId="0" applyNumberFormat="1" applyFont="1" applyAlignment="1">
      <alignment vertical="center"/>
    </xf>
    <xf numFmtId="177" fontId="3" fillId="0" borderId="18" xfId="0" applyNumberFormat="1" applyFont="1" applyBorder="1" applyAlignment="1">
      <alignment vertical="center"/>
    </xf>
    <xf numFmtId="177" fontId="3" fillId="0" borderId="19" xfId="0" applyNumberFormat="1" applyFont="1" applyBorder="1" applyAlignment="1">
      <alignment vertical="center"/>
    </xf>
    <xf numFmtId="177" fontId="3" fillId="0" borderId="19" xfId="0" applyNumberFormat="1" applyFont="1" applyBorder="1" applyAlignment="1">
      <alignment horizontal="right" vertical="center"/>
    </xf>
    <xf numFmtId="178" fontId="3" fillId="0" borderId="19" xfId="0" applyNumberFormat="1" applyFont="1" applyFill="1" applyBorder="1" applyAlignment="1" applyProtection="1">
      <alignment horizontal="right" vertical="center" shrinkToFit="1"/>
    </xf>
    <xf numFmtId="49" fontId="16" fillId="0" borderId="0" xfId="0" applyNumberFormat="1" applyFont="1" applyAlignment="1">
      <alignment horizontal="right"/>
    </xf>
    <xf numFmtId="49" fontId="17" fillId="0" borderId="0" xfId="0" applyNumberFormat="1" applyFont="1" applyAlignment="1">
      <alignment horizontal="right"/>
    </xf>
    <xf numFmtId="0" fontId="15" fillId="0" borderId="0" xfId="0" applyFont="1" applyAlignment="1"/>
    <xf numFmtId="0" fontId="8" fillId="0" borderId="0" xfId="0" applyFont="1" applyAlignment="1"/>
    <xf numFmtId="0" fontId="6" fillId="0" borderId="3" xfId="0" applyFont="1" applyBorder="1" applyAlignment="1">
      <alignment horizontal="center" vertical="center" wrapText="1"/>
    </xf>
    <xf numFmtId="0" fontId="11" fillId="0" borderId="11" xfId="0" applyFont="1" applyBorder="1" applyAlignment="1">
      <alignment horizontal="distributed" vertical="center"/>
    </xf>
    <xf numFmtId="177" fontId="5" fillId="0" borderId="0" xfId="0" applyNumberFormat="1" applyFont="1" applyBorder="1" applyAlignment="1">
      <alignment horizontal="right" vertical="center"/>
    </xf>
    <xf numFmtId="179" fontId="10" fillId="0" borderId="0" xfId="0" applyNumberFormat="1" applyFont="1" applyBorder="1" applyAlignment="1">
      <alignment vertical="center"/>
    </xf>
    <xf numFmtId="0" fontId="11" fillId="0" borderId="8" xfId="0" applyFont="1" applyBorder="1" applyAlignment="1">
      <alignment horizontal="distributed" vertical="center"/>
    </xf>
    <xf numFmtId="0" fontId="13" fillId="0" borderId="8" xfId="0" applyFont="1" applyBorder="1" applyAlignment="1">
      <alignment horizontal="distributed" vertical="center"/>
    </xf>
    <xf numFmtId="0" fontId="11" fillId="0" borderId="14" xfId="0" applyFont="1" applyBorder="1" applyAlignment="1">
      <alignment horizontal="distributed" vertical="center"/>
    </xf>
    <xf numFmtId="177" fontId="5" fillId="0" borderId="18" xfId="0" applyNumberFormat="1" applyFont="1" applyBorder="1" applyAlignment="1">
      <alignment horizontal="right" vertical="center"/>
    </xf>
    <xf numFmtId="177" fontId="5" fillId="0" borderId="19" xfId="0" applyNumberFormat="1" applyFont="1" applyBorder="1" applyAlignment="1">
      <alignment horizontal="right" vertical="center"/>
    </xf>
    <xf numFmtId="181" fontId="12" fillId="0" borderId="0" xfId="0" applyNumberFormat="1" applyFont="1" applyBorder="1" applyAlignment="1">
      <alignment vertical="center"/>
    </xf>
    <xf numFmtId="0" fontId="0" fillId="0" borderId="0" xfId="0" applyAlignment="1"/>
    <xf numFmtId="178" fontId="3" fillId="0" borderId="10" xfId="0" applyNumberFormat="1" applyFont="1" applyFill="1" applyBorder="1" applyAlignment="1" applyProtection="1">
      <alignment horizontal="right" vertical="center" shrinkToFit="1"/>
    </xf>
    <xf numFmtId="0" fontId="10" fillId="0" borderId="6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11" fillId="0" borderId="7" xfId="0" applyFont="1" applyBorder="1" applyAlignment="1">
      <alignment horizontal="distributed" vertical="center"/>
    </xf>
    <xf numFmtId="0" fontId="11" fillId="0" borderId="8" xfId="0" applyFont="1" applyBorder="1" applyAlignment="1">
      <alignment horizontal="distributed" vertical="center"/>
    </xf>
    <xf numFmtId="0" fontId="11" fillId="0" borderId="0" xfId="0" applyFont="1" applyBorder="1" applyAlignment="1">
      <alignment horizontal="distributed" vertical="center"/>
    </xf>
    <xf numFmtId="0" fontId="11" fillId="0" borderId="13" xfId="0" applyFont="1" applyBorder="1" applyAlignment="1">
      <alignment horizontal="distributed" vertical="center"/>
    </xf>
    <xf numFmtId="0" fontId="11" fillId="0" borderId="10" xfId="0" applyFont="1" applyBorder="1" applyAlignment="1">
      <alignment horizontal="distributed" vertical="center"/>
    </xf>
    <xf numFmtId="0" fontId="11" fillId="0" borderId="11" xfId="0" applyFont="1" applyBorder="1" applyAlignment="1">
      <alignment horizontal="distributed" vertical="center"/>
    </xf>
    <xf numFmtId="176" fontId="11" fillId="0" borderId="11" xfId="0" applyNumberFormat="1" applyFont="1" applyBorder="1" applyAlignment="1">
      <alignment horizontal="center" vertical="center"/>
    </xf>
    <xf numFmtId="0" fontId="11" fillId="0" borderId="13" xfId="0" applyFont="1" applyBorder="1" applyAlignment="1">
      <alignment horizontal="center" vertical="center"/>
    </xf>
    <xf numFmtId="0" fontId="11" fillId="0" borderId="14" xfId="0" applyFont="1" applyBorder="1" applyAlignment="1">
      <alignment horizontal="center" vertical="center"/>
    </xf>
    <xf numFmtId="176" fontId="11" fillId="0" borderId="15" xfId="0" applyNumberFormat="1" applyFont="1" applyBorder="1" applyAlignment="1">
      <alignment horizontal="distributed" vertical="center"/>
    </xf>
    <xf numFmtId="0" fontId="11" fillId="0" borderId="15" xfId="0" applyFont="1" applyBorder="1" applyAlignment="1">
      <alignment horizontal="distributed" vertical="center"/>
    </xf>
    <xf numFmtId="176" fontId="11" fillId="0" borderId="11" xfId="0" applyNumberFormat="1" applyFont="1" applyBorder="1" applyAlignment="1">
      <alignment horizontal="center" vertical="center" textRotation="255"/>
    </xf>
    <xf numFmtId="0" fontId="11" fillId="0" borderId="13" xfId="0" applyFont="1" applyBorder="1" applyAlignment="1">
      <alignment horizontal="center" vertical="center" textRotation="255"/>
    </xf>
    <xf numFmtId="0" fontId="11" fillId="0" borderId="14" xfId="0" applyFont="1" applyBorder="1" applyAlignment="1">
      <alignment horizontal="center" vertical="center" textRotation="255"/>
    </xf>
    <xf numFmtId="176" fontId="11" fillId="0" borderId="17" xfId="0" applyNumberFormat="1" applyFont="1" applyBorder="1" applyAlignment="1">
      <alignment horizontal="distributed" vertical="center"/>
    </xf>
    <xf numFmtId="0" fontId="11" fillId="0" borderId="17" xfId="0" applyFont="1" applyBorder="1" applyAlignment="1">
      <alignment horizontal="distributed" vertical="center"/>
    </xf>
    <xf numFmtId="176" fontId="11" fillId="0" borderId="10" xfId="0" applyNumberFormat="1" applyFont="1" applyBorder="1" applyAlignment="1">
      <alignment horizontal="distributed" vertical="center"/>
    </xf>
    <xf numFmtId="176" fontId="11" fillId="0" borderId="7" xfId="0" applyNumberFormat="1" applyFont="1" applyBorder="1" applyAlignment="1">
      <alignment horizontal="distributed" vertical="center"/>
    </xf>
    <xf numFmtId="0" fontId="11" fillId="0" borderId="8" xfId="0" applyFont="1" applyBorder="1" applyAlignment="1">
      <alignment horizontal="distributed"/>
    </xf>
    <xf numFmtId="176" fontId="11" fillId="0" borderId="8" xfId="0" applyNumberFormat="1" applyFont="1" applyBorder="1" applyAlignment="1">
      <alignment horizontal="center" vertical="center" textRotation="255"/>
    </xf>
    <xf numFmtId="0" fontId="11" fillId="0" borderId="8" xfId="0" applyFont="1" applyBorder="1" applyAlignment="1">
      <alignment vertical="center" textRotation="255"/>
    </xf>
    <xf numFmtId="176" fontId="14" fillId="0" borderId="15" xfId="0" applyNumberFormat="1" applyFont="1" applyBorder="1" applyAlignment="1">
      <alignment horizontal="center" vertical="center" textRotation="255"/>
    </xf>
    <xf numFmtId="0" fontId="14" fillId="0" borderId="15" xfId="0" applyFont="1" applyBorder="1" applyAlignment="1">
      <alignment vertical="center" textRotation="255"/>
    </xf>
    <xf numFmtId="0" fontId="11" fillId="0" borderId="16" xfId="0" applyFont="1" applyBorder="1" applyAlignment="1">
      <alignment horizontal="distributed" vertical="center"/>
    </xf>
    <xf numFmtId="0" fontId="11" fillId="0" borderId="13" xfId="0" applyFont="1" applyBorder="1" applyAlignment="1">
      <alignment vertical="center" textRotation="255"/>
    </xf>
    <xf numFmtId="0" fontId="11" fillId="0" borderId="14" xfId="0" applyFont="1" applyBorder="1" applyAlignment="1">
      <alignment vertical="center" textRotation="255"/>
    </xf>
    <xf numFmtId="176" fontId="11" fillId="0" borderId="7" xfId="0" applyNumberFormat="1" applyFont="1" applyBorder="1" applyAlignment="1">
      <alignment horizontal="center" vertical="center"/>
    </xf>
    <xf numFmtId="0" fontId="11" fillId="0" borderId="8" xfId="0" applyFont="1" applyBorder="1" applyAlignment="1">
      <alignment vertical="center"/>
    </xf>
    <xf numFmtId="176" fontId="11" fillId="0" borderId="9" xfId="0" applyNumberFormat="1" applyFont="1" applyBorder="1" applyAlignment="1">
      <alignment horizontal="distributed" vertical="center"/>
    </xf>
    <xf numFmtId="0" fontId="0" fillId="0" borderId="0" xfId="0" applyAlignment="1"/>
    <xf numFmtId="0" fontId="6" fillId="0" borderId="0" xfId="0" applyFont="1" applyBorder="1" applyAlignment="1">
      <alignment horizontal="right"/>
    </xf>
    <xf numFmtId="0" fontId="6" fillId="0" borderId="1" xfId="0" applyFont="1" applyBorder="1" applyAlignment="1">
      <alignment horizontal="left" vertical="center" wrapText="1"/>
    </xf>
    <xf numFmtId="0" fontId="6" fillId="0" borderId="2" xfId="0" applyFont="1" applyBorder="1" applyAlignment="1">
      <alignment horizontal="left" wrapText="1"/>
    </xf>
    <xf numFmtId="0" fontId="6" fillId="0" borderId="8" xfId="0" applyFont="1" applyBorder="1" applyAlignment="1">
      <alignment horizontal="distributed" vertical="center"/>
    </xf>
    <xf numFmtId="0" fontId="12" fillId="0" borderId="0" xfId="0" applyFont="1" applyAlignment="1"/>
    <xf numFmtId="0" fontId="11" fillId="0" borderId="9" xfId="0" applyFont="1" applyBorder="1" applyAlignment="1">
      <alignment horizontal="distributed" vertical="center"/>
    </xf>
    <xf numFmtId="0" fontId="11" fillId="0" borderId="11" xfId="0" applyFont="1" applyBorder="1" applyAlignment="1">
      <alignment horizontal="center" vertical="center" textRotation="255"/>
    </xf>
    <xf numFmtId="0" fontId="6" fillId="0" borderId="13" xfId="0" applyFont="1" applyBorder="1" applyAlignment="1">
      <alignment horizontal="center" vertical="center" textRotation="255"/>
    </xf>
    <xf numFmtId="0" fontId="6" fillId="0" borderId="14" xfId="0" applyFont="1" applyBorder="1" applyAlignment="1">
      <alignment horizontal="center" vertical="center" textRotation="255"/>
    </xf>
    <xf numFmtId="0" fontId="11" fillId="0" borderId="17" xfId="0" applyFont="1" applyBorder="1" applyAlignment="1">
      <alignment horizontal="center" vertical="center" textRotation="255"/>
    </xf>
    <xf numFmtId="0" fontId="6" fillId="0" borderId="20" xfId="0" applyFont="1" applyBorder="1" applyAlignment="1">
      <alignment horizontal="center" vertical="center" textRotation="255"/>
    </xf>
    <xf numFmtId="0" fontId="6" fillId="0" borderId="21" xfId="0" applyFont="1" applyBorder="1" applyAlignment="1">
      <alignment horizontal="center" vertical="center" textRotation="255"/>
    </xf>
    <xf numFmtId="0" fontId="18" fillId="0" borderId="0" xfId="0" applyFont="1" applyBorder="1" applyAlignment="1">
      <alignment vertical="center" wrapText="1"/>
    </xf>
  </cellXfs>
  <cellStyles count="2">
    <cellStyle name="標準" xfId="0" builtinId="0"/>
    <cellStyle name="標準_漁セン結果原稿1（三村）Ｐ６６～　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R40"/>
  <sheetViews>
    <sheetView showGridLines="0" tabSelected="1" zoomScaleNormal="100" workbookViewId="0">
      <selection activeCell="H14" sqref="H14"/>
    </sheetView>
  </sheetViews>
  <sheetFormatPr defaultRowHeight="18" x14ac:dyDescent="0.55000000000000004"/>
  <cols>
    <col min="1" max="2" width="5" customWidth="1"/>
    <col min="3" max="3" width="22.58203125" customWidth="1"/>
    <col min="4" max="15" width="10.58203125" customWidth="1"/>
    <col min="16" max="16" width="2.75" customWidth="1"/>
    <col min="17" max="18" width="10.58203125" customWidth="1"/>
  </cols>
  <sheetData>
    <row r="1" spans="1:18" x14ac:dyDescent="0.55000000000000004">
      <c r="A1" s="1" t="s">
        <v>82</v>
      </c>
      <c r="B1" s="1"/>
      <c r="C1" s="2"/>
      <c r="D1" s="2"/>
      <c r="E1" s="2"/>
      <c r="F1" s="2"/>
      <c r="G1" s="79"/>
      <c r="H1" s="79"/>
      <c r="I1" s="79"/>
      <c r="J1" s="79"/>
      <c r="K1" s="2"/>
      <c r="L1" s="2"/>
      <c r="M1" s="2"/>
      <c r="N1" s="79"/>
      <c r="O1" s="79"/>
      <c r="P1" s="79"/>
      <c r="Q1" s="79"/>
      <c r="R1" s="79"/>
    </row>
    <row r="2" spans="1:18" ht="18.5" thickBot="1" x14ac:dyDescent="0.25">
      <c r="A2" s="3" t="s">
        <v>83</v>
      </c>
      <c r="B2" s="4"/>
      <c r="C2" s="5"/>
      <c r="D2" s="5"/>
      <c r="E2" s="5"/>
      <c r="F2" s="5"/>
      <c r="G2" s="5"/>
      <c r="H2" s="5"/>
      <c r="I2" s="80"/>
      <c r="J2" s="80"/>
      <c r="K2" s="5"/>
      <c r="L2" s="5"/>
      <c r="M2" s="5"/>
      <c r="N2" s="5"/>
      <c r="O2" s="5"/>
      <c r="P2" s="5"/>
      <c r="Q2" s="80" t="s">
        <v>0</v>
      </c>
      <c r="R2" s="80"/>
    </row>
    <row r="3" spans="1:18" ht="32" customHeight="1" thickTop="1" x14ac:dyDescent="0.2">
      <c r="A3" s="81" t="s">
        <v>1</v>
      </c>
      <c r="B3" s="81"/>
      <c r="C3" s="82"/>
      <c r="D3" s="6" t="s">
        <v>2</v>
      </c>
      <c r="E3" s="7" t="s">
        <v>3</v>
      </c>
      <c r="F3" s="8" t="s">
        <v>4</v>
      </c>
      <c r="G3" s="9" t="s">
        <v>5</v>
      </c>
      <c r="H3" s="9" t="s">
        <v>6</v>
      </c>
      <c r="I3" s="9" t="s">
        <v>7</v>
      </c>
      <c r="J3" s="8" t="s">
        <v>8</v>
      </c>
      <c r="K3" s="9" t="s">
        <v>9</v>
      </c>
      <c r="L3" s="9" t="s">
        <v>10</v>
      </c>
      <c r="M3" s="9" t="s">
        <v>11</v>
      </c>
      <c r="N3" s="10" t="s">
        <v>12</v>
      </c>
      <c r="O3" s="8" t="s">
        <v>13</v>
      </c>
      <c r="P3" s="11"/>
      <c r="Q3" s="12" t="s">
        <v>14</v>
      </c>
      <c r="R3" s="13" t="s">
        <v>15</v>
      </c>
    </row>
    <row r="4" spans="1:18" ht="27" customHeight="1" x14ac:dyDescent="0.55000000000000004">
      <c r="A4" s="76" t="s">
        <v>16</v>
      </c>
      <c r="B4" s="76"/>
      <c r="C4" s="77"/>
      <c r="D4" s="14">
        <v>285</v>
      </c>
      <c r="E4" s="15">
        <v>96</v>
      </c>
      <c r="F4" s="15">
        <v>160</v>
      </c>
      <c r="G4" s="15">
        <v>56</v>
      </c>
      <c r="H4" s="15">
        <v>165</v>
      </c>
      <c r="I4" s="15">
        <v>10</v>
      </c>
      <c r="J4" s="15">
        <v>28</v>
      </c>
      <c r="K4" s="15">
        <v>62</v>
      </c>
      <c r="L4" s="15">
        <v>80</v>
      </c>
      <c r="M4" s="15">
        <v>42</v>
      </c>
      <c r="N4" s="15">
        <v>226</v>
      </c>
      <c r="O4" s="16">
        <v>1210</v>
      </c>
      <c r="P4" s="17"/>
      <c r="Q4" s="47">
        <v>65662</v>
      </c>
      <c r="R4" s="47">
        <v>4184</v>
      </c>
    </row>
    <row r="5" spans="1:18" ht="27" customHeight="1" x14ac:dyDescent="0.2">
      <c r="A5" s="61" t="s">
        <v>17</v>
      </c>
      <c r="B5" s="78" t="s">
        <v>18</v>
      </c>
      <c r="C5" s="55"/>
      <c r="D5" s="18" t="s">
        <v>19</v>
      </c>
      <c r="E5" s="19" t="s">
        <v>19</v>
      </c>
      <c r="F5" s="19" t="s">
        <v>19</v>
      </c>
      <c r="G5" s="19" t="s">
        <v>19</v>
      </c>
      <c r="H5" s="19" t="s">
        <v>19</v>
      </c>
      <c r="I5" s="19" t="s">
        <v>19</v>
      </c>
      <c r="J5" s="19" t="s">
        <v>19</v>
      </c>
      <c r="K5" s="19" t="s">
        <v>19</v>
      </c>
      <c r="L5" s="19" t="s">
        <v>19</v>
      </c>
      <c r="M5" s="19" t="s">
        <v>19</v>
      </c>
      <c r="N5" s="19" t="s">
        <v>19</v>
      </c>
      <c r="O5" s="20" t="s">
        <v>19</v>
      </c>
      <c r="P5" s="21"/>
      <c r="Q5" s="16">
        <v>2</v>
      </c>
      <c r="R5" s="16" t="s">
        <v>20</v>
      </c>
    </row>
    <row r="6" spans="1:18" ht="27" customHeight="1" x14ac:dyDescent="0.2">
      <c r="A6" s="62"/>
      <c r="B6" s="78" t="s">
        <v>21</v>
      </c>
      <c r="C6" s="55"/>
      <c r="D6" s="18" t="s">
        <v>19</v>
      </c>
      <c r="E6" s="19" t="s">
        <v>19</v>
      </c>
      <c r="F6" s="19" t="s">
        <v>19</v>
      </c>
      <c r="G6" s="19" t="s">
        <v>19</v>
      </c>
      <c r="H6" s="19" t="s">
        <v>19</v>
      </c>
      <c r="I6" s="19" t="s">
        <v>19</v>
      </c>
      <c r="J6" s="19" t="s">
        <v>19</v>
      </c>
      <c r="K6" s="19" t="s">
        <v>19</v>
      </c>
      <c r="L6" s="19" t="s">
        <v>19</v>
      </c>
      <c r="M6" s="19" t="s">
        <v>19</v>
      </c>
      <c r="N6" s="19" t="s">
        <v>19</v>
      </c>
      <c r="O6" s="20" t="s">
        <v>19</v>
      </c>
      <c r="P6" s="21"/>
      <c r="Q6" s="16" t="s">
        <v>20</v>
      </c>
      <c r="R6" s="16" t="s">
        <v>20</v>
      </c>
    </row>
    <row r="7" spans="1:18" ht="27" customHeight="1" x14ac:dyDescent="0.55000000000000004">
      <c r="A7" s="62"/>
      <c r="B7" s="78" t="s">
        <v>22</v>
      </c>
      <c r="C7" s="55"/>
      <c r="D7" s="22">
        <v>1</v>
      </c>
      <c r="E7" s="19" t="s">
        <v>19</v>
      </c>
      <c r="F7" s="19" t="s">
        <v>19</v>
      </c>
      <c r="G7" s="19" t="s">
        <v>19</v>
      </c>
      <c r="H7" s="23">
        <v>1</v>
      </c>
      <c r="I7" s="19" t="s">
        <v>19</v>
      </c>
      <c r="J7" s="19" t="s">
        <v>19</v>
      </c>
      <c r="K7" s="19" t="s">
        <v>19</v>
      </c>
      <c r="L7" s="19" t="s">
        <v>19</v>
      </c>
      <c r="M7" s="19" t="s">
        <v>19</v>
      </c>
      <c r="N7" s="23">
        <v>1</v>
      </c>
      <c r="O7" s="23">
        <v>3</v>
      </c>
      <c r="P7" s="24"/>
      <c r="Q7" s="16">
        <v>224</v>
      </c>
      <c r="R7" s="16">
        <v>107</v>
      </c>
    </row>
    <row r="8" spans="1:18" ht="27" customHeight="1" x14ac:dyDescent="0.55000000000000004">
      <c r="A8" s="62"/>
      <c r="B8" s="78" t="s">
        <v>23</v>
      </c>
      <c r="C8" s="55"/>
      <c r="D8" s="19" t="s">
        <v>19</v>
      </c>
      <c r="E8" s="23">
        <v>3</v>
      </c>
      <c r="F8" s="19" t="s">
        <v>19</v>
      </c>
      <c r="G8" s="19" t="s">
        <v>19</v>
      </c>
      <c r="H8" s="19" t="s">
        <v>19</v>
      </c>
      <c r="I8" s="19" t="s">
        <v>19</v>
      </c>
      <c r="J8" s="19" t="s">
        <v>19</v>
      </c>
      <c r="K8" s="19" t="s">
        <v>19</v>
      </c>
      <c r="L8" s="19" t="s">
        <v>19</v>
      </c>
      <c r="M8" s="19" t="s">
        <v>19</v>
      </c>
      <c r="N8" s="19" t="s">
        <v>19</v>
      </c>
      <c r="O8" s="23">
        <v>3</v>
      </c>
      <c r="P8" s="24"/>
      <c r="Q8" s="16">
        <v>13</v>
      </c>
      <c r="R8" s="16">
        <v>3</v>
      </c>
    </row>
    <row r="9" spans="1:18" ht="27" customHeight="1" x14ac:dyDescent="0.55000000000000004">
      <c r="A9" s="63"/>
      <c r="B9" s="78" t="s">
        <v>24</v>
      </c>
      <c r="C9" s="55"/>
      <c r="D9" s="22">
        <v>9</v>
      </c>
      <c r="E9" s="19" t="s">
        <v>19</v>
      </c>
      <c r="F9" s="23">
        <v>3</v>
      </c>
      <c r="G9" s="19" t="s">
        <v>19</v>
      </c>
      <c r="H9" s="23">
        <v>54</v>
      </c>
      <c r="I9" s="19" t="s">
        <v>19</v>
      </c>
      <c r="J9" s="23">
        <v>1</v>
      </c>
      <c r="K9" s="23">
        <v>3</v>
      </c>
      <c r="L9" s="19" t="s">
        <v>19</v>
      </c>
      <c r="M9" s="23">
        <v>1</v>
      </c>
      <c r="N9" s="19" t="s">
        <v>19</v>
      </c>
      <c r="O9" s="23">
        <v>71</v>
      </c>
      <c r="P9" s="24"/>
      <c r="Q9" s="16">
        <v>7480</v>
      </c>
      <c r="R9" s="16">
        <v>373</v>
      </c>
    </row>
    <row r="10" spans="1:18" ht="27" customHeight="1" x14ac:dyDescent="0.25">
      <c r="A10" s="67" t="s">
        <v>25</v>
      </c>
      <c r="B10" s="67"/>
      <c r="C10" s="68"/>
      <c r="D10" s="22">
        <v>16</v>
      </c>
      <c r="E10" s="19" t="s">
        <v>19</v>
      </c>
      <c r="F10" s="23">
        <v>1</v>
      </c>
      <c r="G10" s="23">
        <v>2</v>
      </c>
      <c r="H10" s="19" t="s">
        <v>19</v>
      </c>
      <c r="I10" s="19" t="s">
        <v>19</v>
      </c>
      <c r="J10" s="23">
        <v>1</v>
      </c>
      <c r="K10" s="19" t="s">
        <v>19</v>
      </c>
      <c r="L10" s="19" t="s">
        <v>19</v>
      </c>
      <c r="M10" s="23">
        <v>2</v>
      </c>
      <c r="N10" s="23">
        <v>2</v>
      </c>
      <c r="O10" s="23">
        <v>24</v>
      </c>
      <c r="P10" s="24"/>
      <c r="Q10" s="16">
        <v>2589</v>
      </c>
      <c r="R10" s="16">
        <v>81</v>
      </c>
    </row>
    <row r="11" spans="1:18" ht="27" customHeight="1" x14ac:dyDescent="0.2">
      <c r="A11" s="69" t="s">
        <v>26</v>
      </c>
      <c r="B11" s="71" t="s">
        <v>27</v>
      </c>
      <c r="C11" s="25" t="s">
        <v>28</v>
      </c>
      <c r="D11" s="19" t="s">
        <v>19</v>
      </c>
      <c r="E11" s="19" t="s">
        <v>19</v>
      </c>
      <c r="F11" s="19" t="s">
        <v>19</v>
      </c>
      <c r="G11" s="19" t="s">
        <v>19</v>
      </c>
      <c r="H11" s="19" t="s">
        <v>19</v>
      </c>
      <c r="I11" s="19" t="s">
        <v>19</v>
      </c>
      <c r="J11" s="19" t="s">
        <v>19</v>
      </c>
      <c r="K11" s="19" t="s">
        <v>19</v>
      </c>
      <c r="L11" s="19" t="s">
        <v>19</v>
      </c>
      <c r="M11" s="19" t="s">
        <v>19</v>
      </c>
      <c r="N11" s="19" t="s">
        <v>19</v>
      </c>
      <c r="O11" s="19" t="s">
        <v>19</v>
      </c>
      <c r="P11" s="21"/>
      <c r="Q11" s="16">
        <v>13</v>
      </c>
      <c r="R11" s="16">
        <v>2</v>
      </c>
    </row>
    <row r="12" spans="1:18" ht="27" customHeight="1" x14ac:dyDescent="0.55000000000000004">
      <c r="A12" s="70"/>
      <c r="B12" s="72"/>
      <c r="C12" s="26" t="s">
        <v>29</v>
      </c>
      <c r="D12" s="22">
        <v>1</v>
      </c>
      <c r="E12" s="19" t="s">
        <v>19</v>
      </c>
      <c r="F12" s="19" t="s">
        <v>19</v>
      </c>
      <c r="G12" s="19" t="s">
        <v>19</v>
      </c>
      <c r="H12" s="19" t="s">
        <v>19</v>
      </c>
      <c r="I12" s="19" t="s">
        <v>19</v>
      </c>
      <c r="J12" s="19" t="s">
        <v>19</v>
      </c>
      <c r="K12" s="19" t="s">
        <v>19</v>
      </c>
      <c r="L12" s="19" t="s">
        <v>19</v>
      </c>
      <c r="M12" s="19" t="s">
        <v>19</v>
      </c>
      <c r="N12" s="19" t="s">
        <v>19</v>
      </c>
      <c r="O12" s="23">
        <v>1</v>
      </c>
      <c r="P12" s="24"/>
      <c r="Q12" s="16">
        <v>51</v>
      </c>
      <c r="R12" s="16">
        <v>4</v>
      </c>
    </row>
    <row r="13" spans="1:18" ht="27" customHeight="1" x14ac:dyDescent="0.2">
      <c r="A13" s="70"/>
      <c r="B13" s="72"/>
      <c r="C13" s="26" t="s">
        <v>30</v>
      </c>
      <c r="D13" s="19" t="s">
        <v>19</v>
      </c>
      <c r="E13" s="19" t="s">
        <v>19</v>
      </c>
      <c r="F13" s="19" t="s">
        <v>19</v>
      </c>
      <c r="G13" s="19" t="s">
        <v>19</v>
      </c>
      <c r="H13" s="19" t="s">
        <v>19</v>
      </c>
      <c r="I13" s="19" t="s">
        <v>19</v>
      </c>
      <c r="J13" s="19" t="s">
        <v>19</v>
      </c>
      <c r="K13" s="19" t="s">
        <v>19</v>
      </c>
      <c r="L13" s="19" t="s">
        <v>19</v>
      </c>
      <c r="M13" s="19" t="s">
        <v>19</v>
      </c>
      <c r="N13" s="19" t="s">
        <v>19</v>
      </c>
      <c r="O13" s="19" t="s">
        <v>19</v>
      </c>
      <c r="P13" s="21"/>
      <c r="Q13" s="16">
        <v>9</v>
      </c>
      <c r="R13" s="16" t="s">
        <v>20</v>
      </c>
    </row>
    <row r="14" spans="1:18" ht="27" customHeight="1" x14ac:dyDescent="0.55000000000000004">
      <c r="A14" s="70"/>
      <c r="B14" s="73" t="s">
        <v>81</v>
      </c>
      <c r="C14" s="51"/>
      <c r="D14" s="22">
        <v>1</v>
      </c>
      <c r="E14" s="23">
        <v>1</v>
      </c>
      <c r="F14" s="23">
        <v>1</v>
      </c>
      <c r="G14" s="19" t="s">
        <v>19</v>
      </c>
      <c r="H14" s="23">
        <v>6</v>
      </c>
      <c r="I14" s="19" t="s">
        <v>19</v>
      </c>
      <c r="J14" s="19" t="s">
        <v>19</v>
      </c>
      <c r="K14" s="19" t="s">
        <v>19</v>
      </c>
      <c r="L14" s="19">
        <v>3</v>
      </c>
      <c r="M14" s="19" t="s">
        <v>19</v>
      </c>
      <c r="N14" s="23">
        <v>5</v>
      </c>
      <c r="O14" s="23">
        <v>17</v>
      </c>
      <c r="P14" s="24"/>
      <c r="Q14" s="16">
        <v>313</v>
      </c>
      <c r="R14" s="16">
        <v>31</v>
      </c>
    </row>
    <row r="15" spans="1:18" ht="27" customHeight="1" x14ac:dyDescent="0.2">
      <c r="A15" s="61" t="s">
        <v>31</v>
      </c>
      <c r="B15" s="67" t="s">
        <v>32</v>
      </c>
      <c r="C15" s="51"/>
      <c r="D15" s="19" t="s">
        <v>19</v>
      </c>
      <c r="E15" s="19" t="s">
        <v>19</v>
      </c>
      <c r="F15" s="19" t="s">
        <v>19</v>
      </c>
      <c r="G15" s="19" t="s">
        <v>19</v>
      </c>
      <c r="H15" s="19" t="s">
        <v>19</v>
      </c>
      <c r="I15" s="19" t="s">
        <v>19</v>
      </c>
      <c r="J15" s="19" t="s">
        <v>19</v>
      </c>
      <c r="K15" s="19" t="s">
        <v>19</v>
      </c>
      <c r="L15" s="19" t="s">
        <v>19</v>
      </c>
      <c r="M15" s="19" t="s">
        <v>19</v>
      </c>
      <c r="N15" s="19" t="s">
        <v>19</v>
      </c>
      <c r="O15" s="19" t="s">
        <v>19</v>
      </c>
      <c r="P15" s="21"/>
      <c r="Q15" s="16">
        <v>38</v>
      </c>
      <c r="R15" s="16" t="s">
        <v>20</v>
      </c>
    </row>
    <row r="16" spans="1:18" ht="27" customHeight="1" x14ac:dyDescent="0.2">
      <c r="A16" s="74"/>
      <c r="B16" s="67" t="s">
        <v>33</v>
      </c>
      <c r="C16" s="51"/>
      <c r="D16" s="18" t="s">
        <v>19</v>
      </c>
      <c r="E16" s="19" t="s">
        <v>19</v>
      </c>
      <c r="F16" s="19" t="s">
        <v>19</v>
      </c>
      <c r="G16" s="19" t="s">
        <v>19</v>
      </c>
      <c r="H16" s="19" t="s">
        <v>19</v>
      </c>
      <c r="I16" s="19" t="s">
        <v>19</v>
      </c>
      <c r="J16" s="19" t="s">
        <v>19</v>
      </c>
      <c r="K16" s="19" t="s">
        <v>19</v>
      </c>
      <c r="L16" s="19" t="s">
        <v>19</v>
      </c>
      <c r="M16" s="19" t="s">
        <v>19</v>
      </c>
      <c r="N16" s="19" t="s">
        <v>19</v>
      </c>
      <c r="O16" s="19" t="s">
        <v>19</v>
      </c>
      <c r="P16" s="21"/>
      <c r="Q16" s="16">
        <v>31</v>
      </c>
      <c r="R16" s="16" t="s">
        <v>20</v>
      </c>
    </row>
    <row r="17" spans="1:18" ht="27" customHeight="1" x14ac:dyDescent="0.55000000000000004">
      <c r="A17" s="75"/>
      <c r="B17" s="67" t="s">
        <v>34</v>
      </c>
      <c r="C17" s="51"/>
      <c r="D17" s="22">
        <v>65</v>
      </c>
      <c r="E17" s="19" t="s">
        <v>19</v>
      </c>
      <c r="F17" s="23">
        <v>7</v>
      </c>
      <c r="G17" s="23">
        <v>7</v>
      </c>
      <c r="H17" s="23">
        <v>2</v>
      </c>
      <c r="I17" s="19" t="s">
        <v>19</v>
      </c>
      <c r="J17" s="19" t="s">
        <v>19</v>
      </c>
      <c r="K17" s="23">
        <v>8</v>
      </c>
      <c r="L17" s="23">
        <v>9</v>
      </c>
      <c r="M17" s="23">
        <v>8</v>
      </c>
      <c r="N17" s="23">
        <v>59</v>
      </c>
      <c r="O17" s="23">
        <v>165</v>
      </c>
      <c r="P17" s="24"/>
      <c r="Q17" s="16">
        <v>15600</v>
      </c>
      <c r="R17" s="16">
        <v>898</v>
      </c>
    </row>
    <row r="18" spans="1:18" ht="27" customHeight="1" x14ac:dyDescent="0.2">
      <c r="A18" s="66" t="s">
        <v>35</v>
      </c>
      <c r="B18" s="54"/>
      <c r="C18" s="55"/>
      <c r="D18" s="18" t="s">
        <v>19</v>
      </c>
      <c r="E18" s="19" t="s">
        <v>19</v>
      </c>
      <c r="F18" s="19" t="s">
        <v>19</v>
      </c>
      <c r="G18" s="19" t="s">
        <v>19</v>
      </c>
      <c r="H18" s="19" t="s">
        <v>19</v>
      </c>
      <c r="I18" s="19" t="s">
        <v>19</v>
      </c>
      <c r="J18" s="19" t="s">
        <v>19</v>
      </c>
      <c r="K18" s="19" t="s">
        <v>19</v>
      </c>
      <c r="L18" s="19" t="s">
        <v>19</v>
      </c>
      <c r="M18" s="19" t="s">
        <v>19</v>
      </c>
      <c r="N18" s="19" t="s">
        <v>19</v>
      </c>
      <c r="O18" s="19" t="s">
        <v>19</v>
      </c>
      <c r="P18" s="21"/>
      <c r="Q18" s="16">
        <v>91</v>
      </c>
      <c r="R18" s="16" t="s">
        <v>20</v>
      </c>
    </row>
    <row r="19" spans="1:18" ht="27" customHeight="1" x14ac:dyDescent="0.55000000000000004">
      <c r="A19" s="66" t="s">
        <v>36</v>
      </c>
      <c r="B19" s="54"/>
      <c r="C19" s="55"/>
      <c r="D19" s="22">
        <v>10</v>
      </c>
      <c r="E19" s="23">
        <v>1</v>
      </c>
      <c r="F19" s="23">
        <v>4</v>
      </c>
      <c r="G19" s="23">
        <v>1</v>
      </c>
      <c r="H19" s="23">
        <v>1</v>
      </c>
      <c r="I19" s="19" t="s">
        <v>19</v>
      </c>
      <c r="J19" s="23">
        <v>2</v>
      </c>
      <c r="K19" s="23">
        <v>1</v>
      </c>
      <c r="L19" s="23">
        <v>1</v>
      </c>
      <c r="M19" s="19" t="s">
        <v>19</v>
      </c>
      <c r="N19" s="23">
        <v>1</v>
      </c>
      <c r="O19" s="23">
        <v>22</v>
      </c>
      <c r="P19" s="24"/>
      <c r="Q19" s="16">
        <v>410</v>
      </c>
      <c r="R19" s="16">
        <v>85</v>
      </c>
    </row>
    <row r="20" spans="1:18" ht="27" customHeight="1" x14ac:dyDescent="0.2">
      <c r="A20" s="66" t="s">
        <v>37</v>
      </c>
      <c r="B20" s="54"/>
      <c r="C20" s="55"/>
      <c r="D20" s="19" t="s">
        <v>19</v>
      </c>
      <c r="E20" s="19" t="s">
        <v>19</v>
      </c>
      <c r="F20" s="19" t="s">
        <v>19</v>
      </c>
      <c r="G20" s="19" t="s">
        <v>19</v>
      </c>
      <c r="H20" s="19" t="s">
        <v>19</v>
      </c>
      <c r="I20" s="19" t="s">
        <v>19</v>
      </c>
      <c r="J20" s="19" t="s">
        <v>19</v>
      </c>
      <c r="K20" s="19" t="s">
        <v>19</v>
      </c>
      <c r="L20" s="19" t="s">
        <v>19</v>
      </c>
      <c r="M20" s="19" t="s">
        <v>19</v>
      </c>
      <c r="N20" s="19" t="s">
        <v>19</v>
      </c>
      <c r="O20" s="19" t="s">
        <v>19</v>
      </c>
      <c r="P20" s="21"/>
      <c r="Q20" s="16">
        <v>854</v>
      </c>
      <c r="R20" s="16" t="s">
        <v>20</v>
      </c>
    </row>
    <row r="21" spans="1:18" ht="27" customHeight="1" x14ac:dyDescent="0.55000000000000004">
      <c r="A21" s="66" t="s">
        <v>38</v>
      </c>
      <c r="B21" s="54"/>
      <c r="C21" s="55"/>
      <c r="D21" s="22">
        <v>10</v>
      </c>
      <c r="E21" s="23">
        <v>1</v>
      </c>
      <c r="F21" s="23">
        <v>5</v>
      </c>
      <c r="G21" s="23">
        <v>1</v>
      </c>
      <c r="H21" s="23">
        <v>1</v>
      </c>
      <c r="I21" s="19" t="s">
        <v>19</v>
      </c>
      <c r="J21" s="19" t="s">
        <v>19</v>
      </c>
      <c r="K21" s="23">
        <v>6</v>
      </c>
      <c r="L21" s="23">
        <v>3</v>
      </c>
      <c r="M21" s="19" t="s">
        <v>19</v>
      </c>
      <c r="N21" s="23">
        <v>3</v>
      </c>
      <c r="O21" s="23">
        <v>30</v>
      </c>
      <c r="P21" s="24"/>
      <c r="Q21" s="16">
        <v>3304</v>
      </c>
      <c r="R21" s="16">
        <v>170</v>
      </c>
    </row>
    <row r="22" spans="1:18" ht="27" customHeight="1" x14ac:dyDescent="0.55000000000000004">
      <c r="A22" s="67" t="s">
        <v>39</v>
      </c>
      <c r="B22" s="50"/>
      <c r="C22" s="51"/>
      <c r="D22" s="22">
        <v>22</v>
      </c>
      <c r="E22" s="19" t="s">
        <v>19</v>
      </c>
      <c r="F22" s="23">
        <v>6</v>
      </c>
      <c r="G22" s="23">
        <v>1</v>
      </c>
      <c r="H22" s="23">
        <v>2</v>
      </c>
      <c r="I22" s="19" t="s">
        <v>19</v>
      </c>
      <c r="J22" s="19" t="s">
        <v>19</v>
      </c>
      <c r="K22" s="23">
        <v>1</v>
      </c>
      <c r="L22" s="23">
        <v>2</v>
      </c>
      <c r="M22" s="23">
        <v>4</v>
      </c>
      <c r="N22" s="23">
        <v>6</v>
      </c>
      <c r="O22" s="23">
        <v>44</v>
      </c>
      <c r="P22" s="24"/>
      <c r="Q22" s="16">
        <v>3771</v>
      </c>
      <c r="R22" s="16">
        <v>278</v>
      </c>
    </row>
    <row r="23" spans="1:18" ht="27" customHeight="1" x14ac:dyDescent="0.2">
      <c r="A23" s="61" t="s">
        <v>40</v>
      </c>
      <c r="B23" s="64" t="s">
        <v>41</v>
      </c>
      <c r="C23" s="65"/>
      <c r="D23" s="19" t="s">
        <v>19</v>
      </c>
      <c r="E23" s="19" t="s">
        <v>19</v>
      </c>
      <c r="F23" s="19" t="s">
        <v>19</v>
      </c>
      <c r="G23" s="19" t="s">
        <v>19</v>
      </c>
      <c r="H23" s="19" t="s">
        <v>19</v>
      </c>
      <c r="I23" s="19" t="s">
        <v>19</v>
      </c>
      <c r="J23" s="19" t="s">
        <v>19</v>
      </c>
      <c r="K23" s="19" t="s">
        <v>19</v>
      </c>
      <c r="L23" s="19" t="s">
        <v>19</v>
      </c>
      <c r="M23" s="19" t="s">
        <v>19</v>
      </c>
      <c r="N23" s="19" t="s">
        <v>19</v>
      </c>
      <c r="O23" s="19" t="s">
        <v>19</v>
      </c>
      <c r="P23" s="21"/>
      <c r="Q23" s="16">
        <v>55</v>
      </c>
      <c r="R23" s="16" t="s">
        <v>20</v>
      </c>
    </row>
    <row r="24" spans="1:18" ht="27" customHeight="1" x14ac:dyDescent="0.2">
      <c r="A24" s="62"/>
      <c r="B24" s="64" t="s">
        <v>42</v>
      </c>
      <c r="C24" s="65"/>
      <c r="D24" s="19" t="s">
        <v>19</v>
      </c>
      <c r="E24" s="19" t="s">
        <v>19</v>
      </c>
      <c r="F24" s="19" t="s">
        <v>19</v>
      </c>
      <c r="G24" s="19" t="s">
        <v>19</v>
      </c>
      <c r="H24" s="19" t="s">
        <v>19</v>
      </c>
      <c r="I24" s="19" t="s">
        <v>19</v>
      </c>
      <c r="J24" s="19" t="s">
        <v>19</v>
      </c>
      <c r="K24" s="19" t="s">
        <v>19</v>
      </c>
      <c r="L24" s="19" t="s">
        <v>19</v>
      </c>
      <c r="M24" s="19" t="s">
        <v>19</v>
      </c>
      <c r="N24" s="19" t="s">
        <v>19</v>
      </c>
      <c r="O24" s="19" t="s">
        <v>19</v>
      </c>
      <c r="P24" s="21"/>
      <c r="Q24" s="16">
        <v>150</v>
      </c>
      <c r="R24" s="16" t="s">
        <v>20</v>
      </c>
    </row>
    <row r="25" spans="1:18" ht="27" customHeight="1" x14ac:dyDescent="0.2">
      <c r="A25" s="62"/>
      <c r="B25" s="64" t="s">
        <v>43</v>
      </c>
      <c r="C25" s="65"/>
      <c r="D25" s="19" t="s">
        <v>19</v>
      </c>
      <c r="E25" s="19" t="s">
        <v>19</v>
      </c>
      <c r="F25" s="19" t="s">
        <v>19</v>
      </c>
      <c r="G25" s="19" t="s">
        <v>19</v>
      </c>
      <c r="H25" s="19" t="s">
        <v>19</v>
      </c>
      <c r="I25" s="19" t="s">
        <v>19</v>
      </c>
      <c r="J25" s="19" t="s">
        <v>19</v>
      </c>
      <c r="K25" s="19" t="s">
        <v>19</v>
      </c>
      <c r="L25" s="19" t="s">
        <v>19</v>
      </c>
      <c r="M25" s="19" t="s">
        <v>19</v>
      </c>
      <c r="N25" s="19" t="s">
        <v>19</v>
      </c>
      <c r="O25" s="19" t="s">
        <v>19</v>
      </c>
      <c r="P25" s="21"/>
      <c r="Q25" s="16">
        <v>463</v>
      </c>
      <c r="R25" s="16">
        <v>1</v>
      </c>
    </row>
    <row r="26" spans="1:18" ht="27" customHeight="1" x14ac:dyDescent="0.55000000000000004">
      <c r="A26" s="63"/>
      <c r="B26" s="59" t="s">
        <v>44</v>
      </c>
      <c r="C26" s="60"/>
      <c r="D26" s="22">
        <v>11</v>
      </c>
      <c r="E26" s="23">
        <v>9</v>
      </c>
      <c r="F26" s="23">
        <v>19</v>
      </c>
      <c r="G26" s="23">
        <v>1</v>
      </c>
      <c r="H26" s="23">
        <v>13</v>
      </c>
      <c r="I26" s="23">
        <v>1</v>
      </c>
      <c r="J26" s="19" t="s">
        <v>19</v>
      </c>
      <c r="K26" s="23">
        <v>5</v>
      </c>
      <c r="L26" s="23">
        <v>2</v>
      </c>
      <c r="M26" s="23">
        <v>1</v>
      </c>
      <c r="N26" s="23">
        <v>1</v>
      </c>
      <c r="O26" s="23">
        <v>63</v>
      </c>
      <c r="P26" s="24"/>
      <c r="Q26" s="16">
        <v>3147</v>
      </c>
      <c r="R26" s="16">
        <v>208</v>
      </c>
    </row>
    <row r="27" spans="1:18" ht="27" customHeight="1" x14ac:dyDescent="0.2">
      <c r="A27" s="56" t="s">
        <v>45</v>
      </c>
      <c r="B27" s="59" t="s">
        <v>46</v>
      </c>
      <c r="C27" s="60"/>
      <c r="D27" s="19" t="s">
        <v>19</v>
      </c>
      <c r="E27" s="19" t="s">
        <v>19</v>
      </c>
      <c r="F27" s="19" t="s">
        <v>19</v>
      </c>
      <c r="G27" s="19" t="s">
        <v>19</v>
      </c>
      <c r="H27" s="19" t="s">
        <v>19</v>
      </c>
      <c r="I27" s="19" t="s">
        <v>19</v>
      </c>
      <c r="J27" s="19" t="s">
        <v>19</v>
      </c>
      <c r="K27" s="19" t="s">
        <v>19</v>
      </c>
      <c r="L27" s="19" t="s">
        <v>19</v>
      </c>
      <c r="M27" s="19" t="s">
        <v>19</v>
      </c>
      <c r="N27" s="19" t="s">
        <v>19</v>
      </c>
      <c r="O27" s="19" t="s">
        <v>19</v>
      </c>
      <c r="P27" s="21"/>
      <c r="Q27" s="16">
        <v>19</v>
      </c>
      <c r="R27" s="16" t="s">
        <v>20</v>
      </c>
    </row>
    <row r="28" spans="1:18" ht="27" customHeight="1" x14ac:dyDescent="0.2">
      <c r="A28" s="57"/>
      <c r="B28" s="59" t="s">
        <v>47</v>
      </c>
      <c r="C28" s="60"/>
      <c r="D28" s="19" t="s">
        <v>19</v>
      </c>
      <c r="E28" s="19" t="s">
        <v>19</v>
      </c>
      <c r="F28" s="19" t="s">
        <v>19</v>
      </c>
      <c r="G28" s="19" t="s">
        <v>19</v>
      </c>
      <c r="H28" s="19" t="s">
        <v>19</v>
      </c>
      <c r="I28" s="19" t="s">
        <v>19</v>
      </c>
      <c r="J28" s="19" t="s">
        <v>19</v>
      </c>
      <c r="K28" s="19" t="s">
        <v>19</v>
      </c>
      <c r="L28" s="19" t="s">
        <v>19</v>
      </c>
      <c r="M28" s="19" t="s">
        <v>19</v>
      </c>
      <c r="N28" s="19" t="s">
        <v>19</v>
      </c>
      <c r="O28" s="19" t="s">
        <v>19</v>
      </c>
      <c r="P28" s="21"/>
      <c r="Q28" s="16">
        <v>38</v>
      </c>
      <c r="R28" s="16" t="s">
        <v>20</v>
      </c>
    </row>
    <row r="29" spans="1:18" ht="27" customHeight="1" x14ac:dyDescent="0.2">
      <c r="A29" s="57"/>
      <c r="B29" s="59" t="s">
        <v>48</v>
      </c>
      <c r="C29" s="60"/>
      <c r="D29" s="19" t="s">
        <v>19</v>
      </c>
      <c r="E29" s="19" t="s">
        <v>19</v>
      </c>
      <c r="F29" s="19" t="s">
        <v>19</v>
      </c>
      <c r="G29" s="19" t="s">
        <v>19</v>
      </c>
      <c r="H29" s="19" t="s">
        <v>19</v>
      </c>
      <c r="I29" s="19" t="s">
        <v>19</v>
      </c>
      <c r="J29" s="19" t="s">
        <v>19</v>
      </c>
      <c r="K29" s="19" t="s">
        <v>19</v>
      </c>
      <c r="L29" s="19" t="s">
        <v>19</v>
      </c>
      <c r="M29" s="19" t="s">
        <v>19</v>
      </c>
      <c r="N29" s="19" t="s">
        <v>19</v>
      </c>
      <c r="O29" s="19" t="s">
        <v>19</v>
      </c>
      <c r="P29" s="21"/>
      <c r="Q29" s="16">
        <v>503</v>
      </c>
      <c r="R29" s="16" t="s">
        <v>20</v>
      </c>
    </row>
    <row r="30" spans="1:18" ht="27" customHeight="1" x14ac:dyDescent="0.2">
      <c r="A30" s="57"/>
      <c r="B30" s="59" t="s">
        <v>49</v>
      </c>
      <c r="C30" s="60"/>
      <c r="D30" s="19" t="s">
        <v>19</v>
      </c>
      <c r="E30" s="19" t="s">
        <v>19</v>
      </c>
      <c r="F30" s="19" t="s">
        <v>19</v>
      </c>
      <c r="G30" s="19" t="s">
        <v>19</v>
      </c>
      <c r="H30" s="19" t="s">
        <v>19</v>
      </c>
      <c r="I30" s="19" t="s">
        <v>19</v>
      </c>
      <c r="J30" s="19" t="s">
        <v>19</v>
      </c>
      <c r="K30" s="19" t="s">
        <v>19</v>
      </c>
      <c r="L30" s="19" t="s">
        <v>19</v>
      </c>
      <c r="M30" s="19" t="s">
        <v>19</v>
      </c>
      <c r="N30" s="19" t="s">
        <v>19</v>
      </c>
      <c r="O30" s="19" t="s">
        <v>19</v>
      </c>
      <c r="P30" s="21"/>
      <c r="Q30" s="16">
        <v>23</v>
      </c>
      <c r="R30" s="16">
        <v>11</v>
      </c>
    </row>
    <row r="31" spans="1:18" ht="27" customHeight="1" x14ac:dyDescent="0.55000000000000004">
      <c r="A31" s="57"/>
      <c r="B31" s="59" t="s">
        <v>50</v>
      </c>
      <c r="C31" s="60"/>
      <c r="D31" s="22">
        <v>77</v>
      </c>
      <c r="E31" s="23">
        <v>42</v>
      </c>
      <c r="F31" s="23">
        <v>59</v>
      </c>
      <c r="G31" s="23">
        <v>34</v>
      </c>
      <c r="H31" s="23">
        <v>78</v>
      </c>
      <c r="I31" s="23">
        <v>1</v>
      </c>
      <c r="J31" s="23">
        <v>23</v>
      </c>
      <c r="K31" s="23">
        <v>25</v>
      </c>
      <c r="L31" s="23">
        <v>26</v>
      </c>
      <c r="M31" s="23">
        <v>3</v>
      </c>
      <c r="N31" s="23">
        <v>67</v>
      </c>
      <c r="O31" s="23">
        <v>435</v>
      </c>
      <c r="P31" s="24"/>
      <c r="Q31" s="16">
        <v>4858</v>
      </c>
      <c r="R31" s="16">
        <v>1022</v>
      </c>
    </row>
    <row r="32" spans="1:18" ht="27" customHeight="1" x14ac:dyDescent="0.55000000000000004">
      <c r="A32" s="57"/>
      <c r="B32" s="59" t="s">
        <v>51</v>
      </c>
      <c r="C32" s="60"/>
      <c r="D32" s="22">
        <v>20</v>
      </c>
      <c r="E32" s="23">
        <v>24</v>
      </c>
      <c r="F32" s="23">
        <v>35</v>
      </c>
      <c r="G32" s="23">
        <v>31</v>
      </c>
      <c r="H32" s="23">
        <v>54</v>
      </c>
      <c r="I32" s="19" t="s">
        <v>19</v>
      </c>
      <c r="J32" s="23">
        <v>20</v>
      </c>
      <c r="K32" s="23">
        <v>14</v>
      </c>
      <c r="L32" s="23">
        <v>25</v>
      </c>
      <c r="M32" s="23">
        <v>9</v>
      </c>
      <c r="N32" s="23">
        <v>55</v>
      </c>
      <c r="O32" s="23">
        <v>287</v>
      </c>
      <c r="P32" s="24"/>
      <c r="Q32" s="16">
        <v>5921</v>
      </c>
      <c r="R32" s="16">
        <v>567</v>
      </c>
    </row>
    <row r="33" spans="1:18" ht="27" customHeight="1" x14ac:dyDescent="0.55000000000000004">
      <c r="A33" s="58"/>
      <c r="B33" s="59" t="s">
        <v>52</v>
      </c>
      <c r="C33" s="60"/>
      <c r="D33" s="22">
        <v>84</v>
      </c>
      <c r="E33" s="23">
        <v>68</v>
      </c>
      <c r="F33" s="23">
        <v>108</v>
      </c>
      <c r="G33" s="23">
        <v>33</v>
      </c>
      <c r="H33" s="23">
        <v>86</v>
      </c>
      <c r="I33" s="23">
        <v>3</v>
      </c>
      <c r="J33" s="23">
        <v>21</v>
      </c>
      <c r="K33" s="23">
        <v>30</v>
      </c>
      <c r="L33" s="23">
        <v>44</v>
      </c>
      <c r="M33" s="23">
        <v>17</v>
      </c>
      <c r="N33" s="23">
        <v>133</v>
      </c>
      <c r="O33" s="23">
        <v>627</v>
      </c>
      <c r="P33" s="24"/>
      <c r="Q33" s="16">
        <v>18578</v>
      </c>
      <c r="R33" s="16">
        <v>1717</v>
      </c>
    </row>
    <row r="34" spans="1:18" ht="27" customHeight="1" x14ac:dyDescent="0.2">
      <c r="A34" s="52" t="s">
        <v>53</v>
      </c>
      <c r="B34" s="52"/>
      <c r="C34" s="53"/>
      <c r="D34" s="18" t="s">
        <v>19</v>
      </c>
      <c r="E34" s="19" t="s">
        <v>19</v>
      </c>
      <c r="F34" s="19" t="s">
        <v>19</v>
      </c>
      <c r="G34" s="19" t="s">
        <v>19</v>
      </c>
      <c r="H34" s="19" t="s">
        <v>19</v>
      </c>
      <c r="I34" s="19" t="s">
        <v>19</v>
      </c>
      <c r="J34" s="19" t="s">
        <v>19</v>
      </c>
      <c r="K34" s="19" t="s">
        <v>19</v>
      </c>
      <c r="L34" s="19" t="s">
        <v>19</v>
      </c>
      <c r="M34" s="19" t="s">
        <v>19</v>
      </c>
      <c r="N34" s="19" t="s">
        <v>19</v>
      </c>
      <c r="O34" s="19" t="s">
        <v>19</v>
      </c>
      <c r="P34" s="21"/>
      <c r="Q34" s="16">
        <v>3</v>
      </c>
      <c r="R34" s="16" t="s">
        <v>20</v>
      </c>
    </row>
    <row r="35" spans="1:18" ht="27" customHeight="1" x14ac:dyDescent="0.2">
      <c r="A35" s="54" t="s">
        <v>54</v>
      </c>
      <c r="B35" s="54"/>
      <c r="C35" s="55"/>
      <c r="D35" s="18" t="s">
        <v>19</v>
      </c>
      <c r="E35" s="19" t="s">
        <v>19</v>
      </c>
      <c r="F35" s="19" t="s">
        <v>19</v>
      </c>
      <c r="G35" s="19" t="s">
        <v>19</v>
      </c>
      <c r="H35" s="19" t="s">
        <v>19</v>
      </c>
      <c r="I35" s="19" t="s">
        <v>19</v>
      </c>
      <c r="J35" s="19" t="s">
        <v>19</v>
      </c>
      <c r="K35" s="19" t="s">
        <v>19</v>
      </c>
      <c r="L35" s="19" t="s">
        <v>19</v>
      </c>
      <c r="M35" s="19" t="s">
        <v>19</v>
      </c>
      <c r="N35" s="19" t="s">
        <v>19</v>
      </c>
      <c r="O35" s="19" t="s">
        <v>19</v>
      </c>
      <c r="P35" s="21"/>
      <c r="Q35" s="16">
        <v>1699</v>
      </c>
      <c r="R35" s="16">
        <v>11</v>
      </c>
    </row>
    <row r="36" spans="1:18" ht="27" customHeight="1" x14ac:dyDescent="0.55000000000000004">
      <c r="A36" s="54" t="s">
        <v>55</v>
      </c>
      <c r="B36" s="54"/>
      <c r="C36" s="55"/>
      <c r="D36" s="22">
        <v>159</v>
      </c>
      <c r="E36" s="23">
        <v>42</v>
      </c>
      <c r="F36" s="27">
        <v>74</v>
      </c>
      <c r="G36" s="27">
        <v>28</v>
      </c>
      <c r="H36" s="27">
        <v>51</v>
      </c>
      <c r="I36" s="19" t="s">
        <v>19</v>
      </c>
      <c r="J36" s="27">
        <v>7</v>
      </c>
      <c r="K36" s="27">
        <v>34</v>
      </c>
      <c r="L36" s="27">
        <v>29</v>
      </c>
      <c r="M36" s="27">
        <v>26</v>
      </c>
      <c r="N36" s="27">
        <v>124</v>
      </c>
      <c r="O36" s="23">
        <v>574</v>
      </c>
      <c r="P36" s="24"/>
      <c r="Q36" s="16">
        <v>21676</v>
      </c>
      <c r="R36" s="16">
        <v>1887</v>
      </c>
    </row>
    <row r="37" spans="1:18" ht="27" customHeight="1" x14ac:dyDescent="0.55000000000000004">
      <c r="A37" s="50" t="s">
        <v>56</v>
      </c>
      <c r="B37" s="50"/>
      <c r="C37" s="51"/>
      <c r="D37" s="28">
        <v>63</v>
      </c>
      <c r="E37" s="29">
        <v>12</v>
      </c>
      <c r="F37" s="29">
        <v>14</v>
      </c>
      <c r="G37" s="29">
        <v>18</v>
      </c>
      <c r="H37" s="29">
        <v>14</v>
      </c>
      <c r="I37" s="30" t="s">
        <v>19</v>
      </c>
      <c r="J37" s="29">
        <v>8</v>
      </c>
      <c r="K37" s="29">
        <v>14</v>
      </c>
      <c r="L37" s="29">
        <v>6</v>
      </c>
      <c r="M37" s="29">
        <v>8</v>
      </c>
      <c r="N37" s="29">
        <v>30</v>
      </c>
      <c r="O37" s="29">
        <v>187</v>
      </c>
      <c r="P37" s="24"/>
      <c r="Q37" s="31">
        <v>20420</v>
      </c>
      <c r="R37" s="31">
        <v>1062</v>
      </c>
    </row>
    <row r="38" spans="1:18" x14ac:dyDescent="0.55000000000000004">
      <c r="A38" s="1"/>
      <c r="B38" s="1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</row>
    <row r="39" spans="1:18" x14ac:dyDescent="0.55000000000000004">
      <c r="A39" s="1"/>
      <c r="B39" s="1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</row>
    <row r="40" spans="1:18" ht="20.5" x14ac:dyDescent="0.55000000000000004">
      <c r="A40" s="1"/>
      <c r="B40" s="1"/>
      <c r="C40" s="2"/>
      <c r="D40" s="2"/>
      <c r="E40" s="2"/>
      <c r="F40" s="32"/>
      <c r="G40" s="2"/>
      <c r="H40" s="2"/>
      <c r="I40" s="2"/>
      <c r="J40" s="2"/>
      <c r="K40" s="2"/>
      <c r="L40" s="2"/>
      <c r="M40" s="32"/>
      <c r="N40" s="33"/>
      <c r="O40" s="2"/>
      <c r="P40" s="2"/>
      <c r="Q40" s="2"/>
      <c r="R40" s="2"/>
    </row>
  </sheetData>
  <mergeCells count="42">
    <mergeCell ref="G1:J1"/>
    <mergeCell ref="N1:R1"/>
    <mergeCell ref="I2:J2"/>
    <mergeCell ref="Q2:R2"/>
    <mergeCell ref="A3:C3"/>
    <mergeCell ref="A4:C4"/>
    <mergeCell ref="A5:A9"/>
    <mergeCell ref="B5:C5"/>
    <mergeCell ref="B6:C6"/>
    <mergeCell ref="B7:C7"/>
    <mergeCell ref="B8:C8"/>
    <mergeCell ref="B9:C9"/>
    <mergeCell ref="A10:C10"/>
    <mergeCell ref="A11:A14"/>
    <mergeCell ref="B11:B13"/>
    <mergeCell ref="B14:C14"/>
    <mergeCell ref="A15:A17"/>
    <mergeCell ref="B15:C15"/>
    <mergeCell ref="B16:C16"/>
    <mergeCell ref="B17:C17"/>
    <mergeCell ref="A18:C18"/>
    <mergeCell ref="A19:C19"/>
    <mergeCell ref="A20:C20"/>
    <mergeCell ref="A21:C21"/>
    <mergeCell ref="A22:C22"/>
    <mergeCell ref="A23:A26"/>
    <mergeCell ref="B23:C23"/>
    <mergeCell ref="B24:C24"/>
    <mergeCell ref="B25:C25"/>
    <mergeCell ref="B26:C26"/>
    <mergeCell ref="A37:C37"/>
    <mergeCell ref="A34:C34"/>
    <mergeCell ref="A35:C35"/>
    <mergeCell ref="A36:C36"/>
    <mergeCell ref="A27:A33"/>
    <mergeCell ref="B27:C27"/>
    <mergeCell ref="B28:C28"/>
    <mergeCell ref="B29:C29"/>
    <mergeCell ref="B30:C30"/>
    <mergeCell ref="B31:C31"/>
    <mergeCell ref="B32:C32"/>
    <mergeCell ref="B33:C33"/>
  </mergeCells>
  <phoneticPr fontId="1"/>
  <pageMargins left="0.70866141732283472" right="0.70866141732283472" top="0.74803149606299213" bottom="0.74803149606299213" header="0.31496062992125984" footer="0.31496062992125984"/>
  <pageSetup paperSize="8" scale="72" orientation="landscape" r:id="rId1"/>
  <headerFooter>
    <oddHeader xml:space="preserve">&amp;R&amp;K0000002023年漁業センサス結果の概要（確定値）島根県
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R84"/>
  <sheetViews>
    <sheetView showGridLines="0" zoomScaleNormal="100" workbookViewId="0">
      <selection activeCell="T7" sqref="T7"/>
    </sheetView>
  </sheetViews>
  <sheetFormatPr defaultRowHeight="18" x14ac:dyDescent="0.55000000000000004"/>
  <cols>
    <col min="1" max="2" width="5.08203125" customWidth="1"/>
    <col min="3" max="3" width="22.58203125" customWidth="1"/>
    <col min="4" max="10" width="10.5" customWidth="1"/>
    <col min="11" max="15" width="10.58203125" customWidth="1"/>
    <col min="16" max="16" width="2.58203125" customWidth="1"/>
    <col min="17" max="18" width="10.58203125" customWidth="1"/>
  </cols>
  <sheetData>
    <row r="1" spans="1:18" x14ac:dyDescent="0.55000000000000004">
      <c r="A1" s="2"/>
      <c r="B1" s="2"/>
      <c r="C1" s="2"/>
      <c r="D1" s="2"/>
      <c r="E1" s="2"/>
      <c r="F1" s="2"/>
      <c r="G1" s="34"/>
      <c r="H1" s="2"/>
      <c r="I1" s="2"/>
      <c r="J1" s="2"/>
      <c r="K1" s="2"/>
      <c r="L1" s="2"/>
      <c r="M1" s="2"/>
      <c r="N1" s="34"/>
      <c r="O1" s="2"/>
      <c r="P1" s="2"/>
      <c r="Q1" s="2"/>
      <c r="R1" s="2"/>
    </row>
    <row r="2" spans="1:18" ht="18.5" thickBot="1" x14ac:dyDescent="0.6">
      <c r="A2" s="3" t="s">
        <v>84</v>
      </c>
      <c r="B2" s="5"/>
      <c r="C2" s="5"/>
      <c r="D2" s="5"/>
      <c r="E2" s="35"/>
      <c r="F2" s="2"/>
      <c r="G2" s="2"/>
      <c r="H2" s="2"/>
      <c r="I2" s="80"/>
      <c r="J2" s="80"/>
      <c r="K2" s="5"/>
      <c r="L2" s="5"/>
      <c r="M2" s="5"/>
      <c r="N2" s="5"/>
      <c r="O2" s="5"/>
      <c r="P2" s="5"/>
      <c r="Q2" s="80" t="s">
        <v>0</v>
      </c>
      <c r="R2" s="80"/>
    </row>
    <row r="3" spans="1:18" ht="28.5" customHeight="1" thickTop="1" x14ac:dyDescent="0.2">
      <c r="A3" s="81" t="s">
        <v>1</v>
      </c>
      <c r="B3" s="81"/>
      <c r="C3" s="82"/>
      <c r="D3" s="6" t="s">
        <v>2</v>
      </c>
      <c r="E3" s="12" t="s">
        <v>3</v>
      </c>
      <c r="F3" s="8" t="s">
        <v>4</v>
      </c>
      <c r="G3" s="9" t="s">
        <v>5</v>
      </c>
      <c r="H3" s="9" t="s">
        <v>6</v>
      </c>
      <c r="I3" s="9" t="s">
        <v>7</v>
      </c>
      <c r="J3" s="8" t="s">
        <v>8</v>
      </c>
      <c r="K3" s="9" t="s">
        <v>9</v>
      </c>
      <c r="L3" s="9" t="s">
        <v>10</v>
      </c>
      <c r="M3" s="9" t="s">
        <v>11</v>
      </c>
      <c r="N3" s="36" t="s">
        <v>12</v>
      </c>
      <c r="O3" s="8" t="s">
        <v>13</v>
      </c>
      <c r="P3" s="11"/>
      <c r="Q3" s="48" t="s">
        <v>14</v>
      </c>
      <c r="R3" s="49" t="s">
        <v>15</v>
      </c>
    </row>
    <row r="4" spans="1:18" ht="26.5" customHeight="1" x14ac:dyDescent="0.55000000000000004">
      <c r="A4" s="86" t="s">
        <v>57</v>
      </c>
      <c r="B4" s="89" t="s">
        <v>58</v>
      </c>
      <c r="C4" s="37" t="s">
        <v>59</v>
      </c>
      <c r="D4" s="38" t="s">
        <v>19</v>
      </c>
      <c r="E4" s="38" t="s">
        <v>19</v>
      </c>
      <c r="F4" s="38" t="s">
        <v>19</v>
      </c>
      <c r="G4" s="38" t="s">
        <v>19</v>
      </c>
      <c r="H4" s="38" t="s">
        <v>19</v>
      </c>
      <c r="I4" s="38" t="s">
        <v>19</v>
      </c>
      <c r="J4" s="38" t="s">
        <v>19</v>
      </c>
      <c r="K4" s="38" t="s">
        <v>19</v>
      </c>
      <c r="L4" s="38" t="s">
        <v>19</v>
      </c>
      <c r="M4" s="38" t="s">
        <v>19</v>
      </c>
      <c r="N4" s="38" t="s">
        <v>19</v>
      </c>
      <c r="O4" s="38" t="s">
        <v>19</v>
      </c>
      <c r="P4" s="39"/>
      <c r="Q4" s="16">
        <v>71</v>
      </c>
      <c r="R4" s="16">
        <v>1</v>
      </c>
    </row>
    <row r="5" spans="1:18" ht="26.5" customHeight="1" x14ac:dyDescent="0.55000000000000004">
      <c r="A5" s="87"/>
      <c r="B5" s="90"/>
      <c r="C5" s="40" t="s">
        <v>60</v>
      </c>
      <c r="D5" s="38" t="s">
        <v>19</v>
      </c>
      <c r="E5" s="38" t="s">
        <v>19</v>
      </c>
      <c r="F5" s="38" t="s">
        <v>19</v>
      </c>
      <c r="G5" s="38" t="s">
        <v>19</v>
      </c>
      <c r="H5" s="38" t="s">
        <v>19</v>
      </c>
      <c r="I5" s="38" t="s">
        <v>19</v>
      </c>
      <c r="J5" s="38" t="s">
        <v>19</v>
      </c>
      <c r="K5" s="38" t="s">
        <v>19</v>
      </c>
      <c r="L5" s="38" t="s">
        <v>19</v>
      </c>
      <c r="M5" s="38" t="s">
        <v>19</v>
      </c>
      <c r="N5" s="38" t="s">
        <v>19</v>
      </c>
      <c r="O5" s="38" t="s">
        <v>19</v>
      </c>
      <c r="P5" s="20"/>
      <c r="Q5" s="16">
        <v>28</v>
      </c>
      <c r="R5" s="16">
        <v>2</v>
      </c>
    </row>
    <row r="6" spans="1:18" ht="26.5" customHeight="1" x14ac:dyDescent="0.55000000000000004">
      <c r="A6" s="87"/>
      <c r="B6" s="90"/>
      <c r="C6" s="41" t="s">
        <v>61</v>
      </c>
      <c r="D6" s="38" t="s">
        <v>19</v>
      </c>
      <c r="E6" s="38" t="s">
        <v>19</v>
      </c>
      <c r="F6" s="38" t="s">
        <v>19</v>
      </c>
      <c r="G6" s="38" t="s">
        <v>19</v>
      </c>
      <c r="H6" s="38" t="s">
        <v>19</v>
      </c>
      <c r="I6" s="38" t="s">
        <v>19</v>
      </c>
      <c r="J6" s="38" t="s">
        <v>19</v>
      </c>
      <c r="K6" s="38" t="s">
        <v>19</v>
      </c>
      <c r="L6" s="38" t="s">
        <v>19</v>
      </c>
      <c r="M6" s="38" t="s">
        <v>19</v>
      </c>
      <c r="N6" s="38" t="s">
        <v>19</v>
      </c>
      <c r="O6" s="38" t="s">
        <v>19</v>
      </c>
      <c r="P6" s="20"/>
      <c r="Q6" s="16">
        <v>12</v>
      </c>
      <c r="R6" s="16">
        <v>1</v>
      </c>
    </row>
    <row r="7" spans="1:18" ht="26.5" customHeight="1" x14ac:dyDescent="0.55000000000000004">
      <c r="A7" s="87"/>
      <c r="B7" s="90"/>
      <c r="C7" s="40" t="s">
        <v>62</v>
      </c>
      <c r="D7" s="38" t="s">
        <v>19</v>
      </c>
      <c r="E7" s="38" t="s">
        <v>19</v>
      </c>
      <c r="F7" s="38" t="s">
        <v>19</v>
      </c>
      <c r="G7" s="38" t="s">
        <v>19</v>
      </c>
      <c r="H7" s="38" t="s">
        <v>19</v>
      </c>
      <c r="I7" s="38" t="s">
        <v>19</v>
      </c>
      <c r="J7" s="38" t="s">
        <v>19</v>
      </c>
      <c r="K7" s="38" t="s">
        <v>19</v>
      </c>
      <c r="L7" s="38" t="s">
        <v>19</v>
      </c>
      <c r="M7" s="38" t="s">
        <v>19</v>
      </c>
      <c r="N7" s="38" t="s">
        <v>19</v>
      </c>
      <c r="O7" s="38" t="s">
        <v>19</v>
      </c>
      <c r="P7" s="24"/>
      <c r="Q7" s="16">
        <v>593</v>
      </c>
      <c r="R7" s="16">
        <v>8</v>
      </c>
    </row>
    <row r="8" spans="1:18" ht="26.5" customHeight="1" x14ac:dyDescent="0.55000000000000004">
      <c r="A8" s="87"/>
      <c r="B8" s="90"/>
      <c r="C8" s="40" t="s">
        <v>63</v>
      </c>
      <c r="D8" s="38" t="s">
        <v>19</v>
      </c>
      <c r="E8" s="38" t="s">
        <v>19</v>
      </c>
      <c r="F8" s="38" t="s">
        <v>19</v>
      </c>
      <c r="G8" s="38" t="s">
        <v>19</v>
      </c>
      <c r="H8" s="38" t="s">
        <v>19</v>
      </c>
      <c r="I8" s="38" t="s">
        <v>19</v>
      </c>
      <c r="J8" s="38" t="s">
        <v>19</v>
      </c>
      <c r="K8" s="38" t="s">
        <v>19</v>
      </c>
      <c r="L8" s="38" t="s">
        <v>19</v>
      </c>
      <c r="M8" s="38" t="s">
        <v>19</v>
      </c>
      <c r="N8" s="38" t="s">
        <v>19</v>
      </c>
      <c r="O8" s="38" t="s">
        <v>19</v>
      </c>
      <c r="P8" s="24"/>
      <c r="Q8" s="16">
        <v>615</v>
      </c>
      <c r="R8" s="16">
        <v>32</v>
      </c>
    </row>
    <row r="9" spans="1:18" ht="26.5" customHeight="1" x14ac:dyDescent="0.55000000000000004">
      <c r="A9" s="87"/>
      <c r="B9" s="90"/>
      <c r="C9" s="40" t="s">
        <v>64</v>
      </c>
      <c r="D9" s="38" t="s">
        <v>19</v>
      </c>
      <c r="E9" s="38" t="s">
        <v>19</v>
      </c>
      <c r="F9" s="38" t="s">
        <v>19</v>
      </c>
      <c r="G9" s="38" t="s">
        <v>19</v>
      </c>
      <c r="H9" s="38" t="s">
        <v>19</v>
      </c>
      <c r="I9" s="38" t="s">
        <v>19</v>
      </c>
      <c r="J9" s="38" t="s">
        <v>19</v>
      </c>
      <c r="K9" s="38" t="s">
        <v>19</v>
      </c>
      <c r="L9" s="38" t="s">
        <v>19</v>
      </c>
      <c r="M9" s="38" t="s">
        <v>19</v>
      </c>
      <c r="N9" s="38" t="s">
        <v>19</v>
      </c>
      <c r="O9" s="38" t="s">
        <v>19</v>
      </c>
      <c r="P9" s="24"/>
      <c r="Q9" s="16">
        <v>84</v>
      </c>
      <c r="R9" s="16">
        <v>6</v>
      </c>
    </row>
    <row r="10" spans="1:18" ht="26.5" customHeight="1" x14ac:dyDescent="0.55000000000000004">
      <c r="A10" s="87"/>
      <c r="B10" s="90"/>
      <c r="C10" s="40" t="s">
        <v>65</v>
      </c>
      <c r="D10" s="38" t="s">
        <v>19</v>
      </c>
      <c r="E10" s="38" t="s">
        <v>19</v>
      </c>
      <c r="F10" s="38" t="s">
        <v>19</v>
      </c>
      <c r="G10" s="38" t="s">
        <v>19</v>
      </c>
      <c r="H10" s="38" t="s">
        <v>19</v>
      </c>
      <c r="I10" s="38" t="s">
        <v>19</v>
      </c>
      <c r="J10" s="38" t="s">
        <v>19</v>
      </c>
      <c r="K10" s="38" t="s">
        <v>19</v>
      </c>
      <c r="L10" s="38" t="s">
        <v>19</v>
      </c>
      <c r="M10" s="38" t="s">
        <v>19</v>
      </c>
      <c r="N10" s="38" t="s">
        <v>19</v>
      </c>
      <c r="O10" s="38" t="s">
        <v>19</v>
      </c>
      <c r="P10" s="24"/>
      <c r="Q10" s="16">
        <v>153</v>
      </c>
      <c r="R10" s="16">
        <v>27</v>
      </c>
    </row>
    <row r="11" spans="1:18" ht="26.5" customHeight="1" x14ac:dyDescent="0.55000000000000004">
      <c r="A11" s="87"/>
      <c r="B11" s="90"/>
      <c r="C11" s="40" t="s">
        <v>66</v>
      </c>
      <c r="D11" s="38" t="s">
        <v>19</v>
      </c>
      <c r="E11" s="38" t="s">
        <v>19</v>
      </c>
      <c r="F11" s="38" t="s">
        <v>19</v>
      </c>
      <c r="G11" s="38" t="s">
        <v>19</v>
      </c>
      <c r="H11" s="38" t="s">
        <v>19</v>
      </c>
      <c r="I11" s="38" t="s">
        <v>19</v>
      </c>
      <c r="J11" s="38" t="s">
        <v>19</v>
      </c>
      <c r="K11" s="38" t="s">
        <v>19</v>
      </c>
      <c r="L11" s="27">
        <v>1</v>
      </c>
      <c r="M11" s="38" t="s">
        <v>19</v>
      </c>
      <c r="N11" s="38" t="s">
        <v>19</v>
      </c>
      <c r="O11" s="19">
        <v>1</v>
      </c>
      <c r="P11" s="20"/>
      <c r="Q11" s="16">
        <v>77</v>
      </c>
      <c r="R11" s="16">
        <v>2</v>
      </c>
    </row>
    <row r="12" spans="1:18" ht="26.5" customHeight="1" x14ac:dyDescent="0.55000000000000004">
      <c r="A12" s="87"/>
      <c r="B12" s="91"/>
      <c r="C12" s="42" t="s">
        <v>67</v>
      </c>
      <c r="D12" s="38" t="s">
        <v>19</v>
      </c>
      <c r="E12" s="38" t="s">
        <v>19</v>
      </c>
      <c r="F12" s="27">
        <v>1</v>
      </c>
      <c r="G12" s="38" t="s">
        <v>19</v>
      </c>
      <c r="H12" s="38" t="s">
        <v>19</v>
      </c>
      <c r="I12" s="38" t="s">
        <v>19</v>
      </c>
      <c r="J12" s="38" t="s">
        <v>19</v>
      </c>
      <c r="K12" s="38" t="s">
        <v>19</v>
      </c>
      <c r="L12" s="38" t="s">
        <v>19</v>
      </c>
      <c r="M12" s="38" t="s">
        <v>19</v>
      </c>
      <c r="N12" s="38" t="s">
        <v>19</v>
      </c>
      <c r="O12" s="23">
        <v>1</v>
      </c>
      <c r="P12" s="24"/>
      <c r="Q12" s="16">
        <v>401</v>
      </c>
      <c r="R12" s="16">
        <v>23</v>
      </c>
    </row>
    <row r="13" spans="1:18" ht="26.5" customHeight="1" x14ac:dyDescent="0.55000000000000004">
      <c r="A13" s="87"/>
      <c r="B13" s="73" t="s">
        <v>68</v>
      </c>
      <c r="C13" s="83"/>
      <c r="D13" s="38" t="s">
        <v>19</v>
      </c>
      <c r="E13" s="38" t="s">
        <v>19</v>
      </c>
      <c r="F13" s="38" t="s">
        <v>19</v>
      </c>
      <c r="G13" s="38" t="s">
        <v>19</v>
      </c>
      <c r="H13" s="38" t="s">
        <v>19</v>
      </c>
      <c r="I13" s="38" t="s">
        <v>19</v>
      </c>
      <c r="J13" s="38" t="s">
        <v>19</v>
      </c>
      <c r="K13" s="38" t="s">
        <v>19</v>
      </c>
      <c r="L13" s="38" t="s">
        <v>19</v>
      </c>
      <c r="M13" s="38" t="s">
        <v>19</v>
      </c>
      <c r="N13" s="38" t="s">
        <v>19</v>
      </c>
      <c r="O13" s="38" t="s">
        <v>19</v>
      </c>
      <c r="P13" s="20"/>
      <c r="Q13" s="16">
        <v>2680</v>
      </c>
      <c r="R13" s="16" t="s">
        <v>20</v>
      </c>
    </row>
    <row r="14" spans="1:18" ht="26.5" customHeight="1" x14ac:dyDescent="0.55000000000000004">
      <c r="A14" s="87"/>
      <c r="B14" s="73" t="s">
        <v>69</v>
      </c>
      <c r="C14" s="83"/>
      <c r="D14" s="22">
        <v>2</v>
      </c>
      <c r="E14" s="38" t="s">
        <v>19</v>
      </c>
      <c r="F14" s="38" t="s">
        <v>19</v>
      </c>
      <c r="G14" s="38" t="s">
        <v>19</v>
      </c>
      <c r="H14" s="38" t="s">
        <v>19</v>
      </c>
      <c r="I14" s="38" t="s">
        <v>19</v>
      </c>
      <c r="J14" s="38" t="s">
        <v>19</v>
      </c>
      <c r="K14" s="27">
        <v>10</v>
      </c>
      <c r="L14" s="27">
        <v>10</v>
      </c>
      <c r="M14" s="27">
        <v>7</v>
      </c>
      <c r="N14" s="27">
        <v>6</v>
      </c>
      <c r="O14" s="23">
        <v>35</v>
      </c>
      <c r="P14" s="24"/>
      <c r="Q14" s="16">
        <v>2698</v>
      </c>
      <c r="R14" s="16">
        <v>246</v>
      </c>
    </row>
    <row r="15" spans="1:18" ht="26.5" customHeight="1" x14ac:dyDescent="0.55000000000000004">
      <c r="A15" s="87"/>
      <c r="B15" s="73" t="s">
        <v>70</v>
      </c>
      <c r="C15" s="83"/>
      <c r="D15" s="22">
        <v>13</v>
      </c>
      <c r="E15" s="38" t="s">
        <v>19</v>
      </c>
      <c r="F15" s="38" t="s">
        <v>19</v>
      </c>
      <c r="G15" s="38" t="s">
        <v>19</v>
      </c>
      <c r="H15" s="38" t="s">
        <v>19</v>
      </c>
      <c r="I15" s="27">
        <v>9</v>
      </c>
      <c r="J15" s="38" t="s">
        <v>19</v>
      </c>
      <c r="K15" s="38" t="s">
        <v>19</v>
      </c>
      <c r="L15" s="27">
        <v>4</v>
      </c>
      <c r="M15" s="38" t="s">
        <v>19</v>
      </c>
      <c r="N15" s="38" t="s">
        <v>19</v>
      </c>
      <c r="O15" s="19">
        <v>26</v>
      </c>
      <c r="P15" s="20"/>
      <c r="Q15" s="16">
        <v>696</v>
      </c>
      <c r="R15" s="16">
        <v>80</v>
      </c>
    </row>
    <row r="16" spans="1:18" ht="26.5" customHeight="1" x14ac:dyDescent="0.55000000000000004">
      <c r="A16" s="87"/>
      <c r="B16" s="73" t="s">
        <v>71</v>
      </c>
      <c r="C16" s="83"/>
      <c r="D16" s="38" t="s">
        <v>19</v>
      </c>
      <c r="E16" s="23">
        <v>1</v>
      </c>
      <c r="F16" s="38" t="s">
        <v>19</v>
      </c>
      <c r="G16" s="38" t="s">
        <v>19</v>
      </c>
      <c r="H16" s="38" t="s">
        <v>19</v>
      </c>
      <c r="I16" s="38" t="s">
        <v>19</v>
      </c>
      <c r="J16" s="38" t="s">
        <v>19</v>
      </c>
      <c r="K16" s="38" t="s">
        <v>19</v>
      </c>
      <c r="L16" s="38" t="s">
        <v>19</v>
      </c>
      <c r="M16" s="38" t="s">
        <v>19</v>
      </c>
      <c r="N16" s="38" t="s">
        <v>19</v>
      </c>
      <c r="O16" s="23">
        <v>1</v>
      </c>
      <c r="P16" s="20"/>
      <c r="Q16" s="16">
        <v>67</v>
      </c>
      <c r="R16" s="16">
        <v>2</v>
      </c>
    </row>
    <row r="17" spans="1:18" ht="26.5" customHeight="1" x14ac:dyDescent="0.55000000000000004">
      <c r="A17" s="87"/>
      <c r="B17" s="73" t="s">
        <v>72</v>
      </c>
      <c r="C17" s="83"/>
      <c r="D17" s="38" t="s">
        <v>19</v>
      </c>
      <c r="E17" s="38" t="s">
        <v>19</v>
      </c>
      <c r="F17" s="38" t="s">
        <v>19</v>
      </c>
      <c r="G17" s="38" t="s">
        <v>19</v>
      </c>
      <c r="H17" s="38" t="s">
        <v>19</v>
      </c>
      <c r="I17" s="38" t="s">
        <v>19</v>
      </c>
      <c r="J17" s="38" t="s">
        <v>19</v>
      </c>
      <c r="K17" s="38" t="s">
        <v>19</v>
      </c>
      <c r="L17" s="38" t="s">
        <v>19</v>
      </c>
      <c r="M17" s="38" t="s">
        <v>19</v>
      </c>
      <c r="N17" s="38" t="s">
        <v>19</v>
      </c>
      <c r="O17" s="38" t="s">
        <v>19</v>
      </c>
      <c r="P17" s="24"/>
      <c r="Q17" s="16">
        <v>675</v>
      </c>
      <c r="R17" s="16" t="s">
        <v>20</v>
      </c>
    </row>
    <row r="18" spans="1:18" ht="26.5" customHeight="1" x14ac:dyDescent="0.55000000000000004">
      <c r="A18" s="87"/>
      <c r="B18" s="73" t="s">
        <v>73</v>
      </c>
      <c r="C18" s="83"/>
      <c r="D18" s="38" t="s">
        <v>19</v>
      </c>
      <c r="E18" s="38" t="s">
        <v>19</v>
      </c>
      <c r="F18" s="38" t="s">
        <v>19</v>
      </c>
      <c r="G18" s="38" t="s">
        <v>19</v>
      </c>
      <c r="H18" s="38" t="s">
        <v>19</v>
      </c>
      <c r="I18" s="38" t="s">
        <v>19</v>
      </c>
      <c r="J18" s="38" t="s">
        <v>19</v>
      </c>
      <c r="K18" s="38" t="s">
        <v>19</v>
      </c>
      <c r="L18" s="38" t="s">
        <v>19</v>
      </c>
      <c r="M18" s="38" t="s">
        <v>19</v>
      </c>
      <c r="N18" s="38" t="s">
        <v>19</v>
      </c>
      <c r="O18" s="38" t="s">
        <v>19</v>
      </c>
      <c r="P18" s="20"/>
      <c r="Q18" s="16">
        <v>222</v>
      </c>
      <c r="R18" s="16">
        <v>2</v>
      </c>
    </row>
    <row r="19" spans="1:18" ht="26.5" customHeight="1" x14ac:dyDescent="0.55000000000000004">
      <c r="A19" s="87"/>
      <c r="B19" s="73" t="s">
        <v>74</v>
      </c>
      <c r="C19" s="83"/>
      <c r="D19" s="38" t="s">
        <v>19</v>
      </c>
      <c r="E19" s="38" t="s">
        <v>19</v>
      </c>
      <c r="F19" s="38" t="s">
        <v>19</v>
      </c>
      <c r="G19" s="38" t="s">
        <v>19</v>
      </c>
      <c r="H19" s="38" t="s">
        <v>19</v>
      </c>
      <c r="I19" s="38" t="s">
        <v>19</v>
      </c>
      <c r="J19" s="38" t="s">
        <v>19</v>
      </c>
      <c r="K19" s="38" t="s">
        <v>19</v>
      </c>
      <c r="L19" s="38" t="s">
        <v>19</v>
      </c>
      <c r="M19" s="38" t="s">
        <v>19</v>
      </c>
      <c r="N19" s="27">
        <v>1</v>
      </c>
      <c r="O19" s="19">
        <v>1</v>
      </c>
      <c r="P19" s="24"/>
      <c r="Q19" s="16">
        <v>1455</v>
      </c>
      <c r="R19" s="16">
        <v>3</v>
      </c>
    </row>
    <row r="20" spans="1:18" ht="26.5" customHeight="1" x14ac:dyDescent="0.55000000000000004">
      <c r="A20" s="87"/>
      <c r="B20" s="85" t="s">
        <v>75</v>
      </c>
      <c r="C20" s="55"/>
      <c r="D20" s="22">
        <v>26</v>
      </c>
      <c r="E20" s="38" t="s">
        <v>19</v>
      </c>
      <c r="F20" s="27">
        <v>3</v>
      </c>
      <c r="G20" s="38" t="s">
        <v>19</v>
      </c>
      <c r="H20" s="38" t="s">
        <v>19</v>
      </c>
      <c r="I20" s="38" t="s">
        <v>19</v>
      </c>
      <c r="J20" s="38" t="s">
        <v>19</v>
      </c>
      <c r="K20" s="38" t="s">
        <v>19</v>
      </c>
      <c r="L20" s="27">
        <v>1</v>
      </c>
      <c r="M20" s="38" t="s">
        <v>19</v>
      </c>
      <c r="N20" s="27">
        <v>10</v>
      </c>
      <c r="O20" s="19">
        <v>40</v>
      </c>
      <c r="P20" s="20"/>
      <c r="Q20" s="16">
        <v>2914</v>
      </c>
      <c r="R20" s="16">
        <v>103</v>
      </c>
    </row>
    <row r="21" spans="1:18" ht="26.5" customHeight="1" x14ac:dyDescent="0.55000000000000004">
      <c r="A21" s="87"/>
      <c r="B21" s="85" t="s">
        <v>76</v>
      </c>
      <c r="C21" s="55"/>
      <c r="D21" s="38" t="s">
        <v>19</v>
      </c>
      <c r="E21" s="38" t="s">
        <v>19</v>
      </c>
      <c r="F21" s="38" t="s">
        <v>19</v>
      </c>
      <c r="G21" s="38" t="s">
        <v>19</v>
      </c>
      <c r="H21" s="38" t="s">
        <v>19</v>
      </c>
      <c r="I21" s="38" t="s">
        <v>19</v>
      </c>
      <c r="J21" s="38" t="s">
        <v>19</v>
      </c>
      <c r="K21" s="38" t="s">
        <v>19</v>
      </c>
      <c r="L21" s="38" t="s">
        <v>19</v>
      </c>
      <c r="M21" s="38" t="s">
        <v>19</v>
      </c>
      <c r="N21" s="38" t="s">
        <v>19</v>
      </c>
      <c r="O21" s="38" t="s">
        <v>19</v>
      </c>
      <c r="P21" s="24"/>
      <c r="Q21" s="16">
        <v>2699</v>
      </c>
      <c r="R21" s="16">
        <v>1</v>
      </c>
    </row>
    <row r="22" spans="1:18" ht="26.5" customHeight="1" x14ac:dyDescent="0.55000000000000004">
      <c r="A22" s="87"/>
      <c r="B22" s="85" t="s">
        <v>77</v>
      </c>
      <c r="C22" s="55"/>
      <c r="D22" s="38" t="s">
        <v>19</v>
      </c>
      <c r="E22" s="38" t="s">
        <v>19</v>
      </c>
      <c r="F22" s="38" t="s">
        <v>19</v>
      </c>
      <c r="G22" s="38" t="s">
        <v>19</v>
      </c>
      <c r="H22" s="38" t="s">
        <v>19</v>
      </c>
      <c r="I22" s="38" t="s">
        <v>19</v>
      </c>
      <c r="J22" s="38" t="s">
        <v>19</v>
      </c>
      <c r="K22" s="38" t="s">
        <v>19</v>
      </c>
      <c r="L22" s="38" t="s">
        <v>19</v>
      </c>
      <c r="M22" s="38" t="s">
        <v>19</v>
      </c>
      <c r="N22" s="38" t="s">
        <v>19</v>
      </c>
      <c r="O22" s="38" t="s">
        <v>19</v>
      </c>
      <c r="P22" s="24"/>
      <c r="Q22" s="16">
        <v>929</v>
      </c>
      <c r="R22" s="16">
        <v>5</v>
      </c>
    </row>
    <row r="23" spans="1:18" ht="26.5" customHeight="1" x14ac:dyDescent="0.55000000000000004">
      <c r="A23" s="87"/>
      <c r="B23" s="85" t="s">
        <v>78</v>
      </c>
      <c r="C23" s="55"/>
      <c r="D23" s="38" t="s">
        <v>19</v>
      </c>
      <c r="E23" s="38" t="s">
        <v>19</v>
      </c>
      <c r="F23" s="38" t="s">
        <v>19</v>
      </c>
      <c r="G23" s="38" t="s">
        <v>19</v>
      </c>
      <c r="H23" s="38" t="s">
        <v>19</v>
      </c>
      <c r="I23" s="38" t="s">
        <v>19</v>
      </c>
      <c r="J23" s="38" t="s">
        <v>19</v>
      </c>
      <c r="K23" s="38" t="s">
        <v>19</v>
      </c>
      <c r="L23" s="38" t="s">
        <v>19</v>
      </c>
      <c r="M23" s="38" t="s">
        <v>19</v>
      </c>
      <c r="N23" s="38" t="s">
        <v>19</v>
      </c>
      <c r="O23" s="38" t="s">
        <v>19</v>
      </c>
      <c r="P23" s="20"/>
      <c r="Q23" s="16">
        <v>474</v>
      </c>
      <c r="R23" s="16">
        <v>3</v>
      </c>
    </row>
    <row r="24" spans="1:18" ht="26.5" customHeight="1" x14ac:dyDescent="0.55000000000000004">
      <c r="A24" s="88"/>
      <c r="B24" s="73" t="s">
        <v>79</v>
      </c>
      <c r="C24" s="51"/>
      <c r="D24" s="43" t="s">
        <v>19</v>
      </c>
      <c r="E24" s="44" t="s">
        <v>19</v>
      </c>
      <c r="F24" s="44" t="s">
        <v>19</v>
      </c>
      <c r="G24" s="44" t="s">
        <v>19</v>
      </c>
      <c r="H24" s="44" t="s">
        <v>19</v>
      </c>
      <c r="I24" s="44" t="s">
        <v>19</v>
      </c>
      <c r="J24" s="44" t="s">
        <v>19</v>
      </c>
      <c r="K24" s="44" t="s">
        <v>19</v>
      </c>
      <c r="L24" s="44" t="s">
        <v>19</v>
      </c>
      <c r="M24" s="44" t="s">
        <v>19</v>
      </c>
      <c r="N24" s="44" t="s">
        <v>19</v>
      </c>
      <c r="O24" s="44" t="s">
        <v>19</v>
      </c>
      <c r="P24" s="20"/>
      <c r="Q24" s="31">
        <v>358</v>
      </c>
      <c r="R24" s="31">
        <v>1</v>
      </c>
    </row>
    <row r="25" spans="1:18" x14ac:dyDescent="0.55000000000000004">
      <c r="A25" s="92"/>
      <c r="B25" s="92"/>
      <c r="C25" s="92"/>
      <c r="D25" s="92"/>
      <c r="E25" s="92"/>
      <c r="F25" s="92"/>
      <c r="G25" s="92"/>
      <c r="H25" s="92"/>
      <c r="I25" s="92"/>
      <c r="J25" s="92"/>
      <c r="K25" s="92"/>
      <c r="L25" s="92"/>
      <c r="M25" s="92"/>
      <c r="N25" s="92"/>
      <c r="O25" s="92"/>
      <c r="P25" s="45"/>
      <c r="Q25" s="45"/>
      <c r="R25" s="45"/>
    </row>
    <row r="26" spans="1:18" x14ac:dyDescent="0.55000000000000004">
      <c r="A26" s="92"/>
      <c r="B26" s="92"/>
      <c r="C26" s="92"/>
      <c r="D26" s="92"/>
      <c r="E26" s="92"/>
      <c r="F26" s="92"/>
      <c r="G26" s="92"/>
      <c r="H26" s="92"/>
      <c r="I26" s="92"/>
      <c r="J26" s="92"/>
      <c r="K26" s="92"/>
      <c r="L26" s="92"/>
      <c r="M26" s="92"/>
      <c r="N26" s="92"/>
      <c r="O26" s="92"/>
      <c r="P26" s="45"/>
      <c r="Q26" s="45"/>
      <c r="R26" s="45"/>
    </row>
    <row r="27" spans="1:18" ht="18.5" x14ac:dyDescent="0.55000000000000004">
      <c r="A27" s="84" t="s">
        <v>80</v>
      </c>
      <c r="B27" s="84"/>
      <c r="C27" s="84"/>
      <c r="D27" s="84"/>
      <c r="E27" s="84"/>
      <c r="F27" s="2"/>
      <c r="G27" s="2"/>
      <c r="H27" s="2"/>
      <c r="I27" s="2"/>
      <c r="J27" s="2"/>
      <c r="K27" s="2"/>
      <c r="L27" s="2"/>
      <c r="M27" s="2"/>
      <c r="N27" s="2"/>
      <c r="O27" s="45"/>
      <c r="P27" s="45"/>
      <c r="Q27" s="45"/>
      <c r="R27" s="45"/>
    </row>
    <row r="28" spans="1:18" x14ac:dyDescent="0.55000000000000004">
      <c r="A28" s="2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</row>
    <row r="29" spans="1:18" x14ac:dyDescent="0.55000000000000004">
      <c r="A29" s="2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</row>
    <row r="30" spans="1:18" x14ac:dyDescent="0.55000000000000004">
      <c r="A30" s="2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</row>
    <row r="31" spans="1:18" x14ac:dyDescent="0.55000000000000004">
      <c r="A31" s="2"/>
      <c r="B31" s="2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</row>
    <row r="32" spans="1:18" x14ac:dyDescent="0.55000000000000004">
      <c r="A32" s="2"/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</row>
    <row r="33" spans="1:18" x14ac:dyDescent="0.55000000000000004">
      <c r="A33" s="46"/>
      <c r="B33" s="46"/>
      <c r="C33" s="46"/>
      <c r="D33" s="46"/>
      <c r="E33" s="46"/>
      <c r="F33" s="46"/>
      <c r="G33" s="46"/>
      <c r="H33" s="46"/>
      <c r="I33" s="46"/>
      <c r="J33" s="46"/>
      <c r="K33" s="46"/>
      <c r="L33" s="46"/>
      <c r="M33" s="46"/>
      <c r="N33" s="46"/>
      <c r="O33" s="46"/>
      <c r="P33" s="46"/>
      <c r="Q33" s="46"/>
      <c r="R33" s="46"/>
    </row>
    <row r="34" spans="1:18" x14ac:dyDescent="0.55000000000000004">
      <c r="A34" s="46"/>
      <c r="B34" s="46"/>
      <c r="C34" s="46"/>
      <c r="D34" s="46"/>
      <c r="E34" s="46"/>
      <c r="F34" s="46"/>
      <c r="G34" s="46"/>
      <c r="H34" s="46"/>
      <c r="I34" s="46"/>
      <c r="J34" s="46"/>
      <c r="K34" s="46"/>
      <c r="L34" s="46"/>
      <c r="M34" s="46"/>
      <c r="N34" s="46"/>
      <c r="O34" s="46"/>
      <c r="P34" s="46"/>
      <c r="Q34" s="46"/>
      <c r="R34" s="46"/>
    </row>
    <row r="35" spans="1:18" x14ac:dyDescent="0.55000000000000004">
      <c r="A35" s="46"/>
      <c r="B35" s="46"/>
      <c r="C35" s="46"/>
      <c r="D35" s="46"/>
      <c r="E35" s="46"/>
      <c r="F35" s="46"/>
      <c r="G35" s="46"/>
      <c r="H35" s="46"/>
      <c r="I35" s="46"/>
      <c r="J35" s="46"/>
      <c r="K35" s="46"/>
      <c r="L35" s="46"/>
      <c r="M35" s="46"/>
      <c r="N35" s="46"/>
      <c r="O35" s="46"/>
      <c r="P35" s="46"/>
      <c r="Q35" s="46"/>
      <c r="R35" s="46"/>
    </row>
    <row r="36" spans="1:18" x14ac:dyDescent="0.55000000000000004">
      <c r="A36" s="46"/>
      <c r="B36" s="46"/>
      <c r="C36" s="46"/>
      <c r="D36" s="46"/>
      <c r="E36" s="46"/>
      <c r="F36" s="46"/>
      <c r="G36" s="46"/>
      <c r="H36" s="46"/>
      <c r="I36" s="46"/>
      <c r="J36" s="46"/>
      <c r="K36" s="46"/>
      <c r="L36" s="46"/>
      <c r="M36" s="46"/>
      <c r="N36" s="46"/>
      <c r="O36" s="46"/>
      <c r="P36" s="46"/>
      <c r="Q36" s="46"/>
      <c r="R36" s="46"/>
    </row>
    <row r="37" spans="1:18" x14ac:dyDescent="0.55000000000000004">
      <c r="A37" s="46"/>
      <c r="B37" s="46"/>
      <c r="C37" s="46"/>
      <c r="D37" s="46"/>
      <c r="E37" s="46"/>
      <c r="F37" s="46"/>
      <c r="G37" s="46"/>
      <c r="H37" s="46"/>
      <c r="I37" s="46"/>
      <c r="J37" s="46"/>
      <c r="K37" s="46"/>
      <c r="L37" s="46"/>
      <c r="M37" s="46"/>
      <c r="N37" s="46"/>
      <c r="O37" s="46"/>
      <c r="P37" s="46"/>
      <c r="Q37" s="46"/>
      <c r="R37" s="46"/>
    </row>
    <row r="38" spans="1:18" x14ac:dyDescent="0.55000000000000004">
      <c r="A38" s="46"/>
      <c r="B38" s="46"/>
      <c r="C38" s="46"/>
      <c r="D38" s="46"/>
      <c r="E38" s="46"/>
      <c r="F38" s="46"/>
      <c r="G38" s="46"/>
      <c r="H38" s="46"/>
      <c r="I38" s="46"/>
      <c r="J38" s="46"/>
      <c r="K38" s="46"/>
      <c r="L38" s="46"/>
      <c r="M38" s="46"/>
      <c r="N38" s="46"/>
      <c r="O38" s="46"/>
      <c r="P38" s="46"/>
      <c r="Q38" s="46"/>
      <c r="R38" s="46"/>
    </row>
    <row r="39" spans="1:18" x14ac:dyDescent="0.55000000000000004">
      <c r="A39" s="46"/>
      <c r="B39" s="46"/>
      <c r="C39" s="46"/>
      <c r="D39" s="46"/>
      <c r="E39" s="46"/>
      <c r="F39" s="46"/>
      <c r="G39" s="46"/>
      <c r="H39" s="46"/>
      <c r="I39" s="46"/>
      <c r="J39" s="46"/>
      <c r="K39" s="46"/>
      <c r="L39" s="46"/>
      <c r="M39" s="46"/>
      <c r="N39" s="46"/>
      <c r="O39" s="46"/>
      <c r="P39" s="46"/>
      <c r="Q39" s="46"/>
      <c r="R39" s="46"/>
    </row>
    <row r="40" spans="1:18" x14ac:dyDescent="0.55000000000000004">
      <c r="A40" s="46"/>
      <c r="B40" s="46"/>
      <c r="C40" s="46"/>
      <c r="D40" s="46"/>
      <c r="E40" s="46"/>
      <c r="F40" s="46"/>
      <c r="G40" s="46"/>
      <c r="H40" s="46"/>
      <c r="I40" s="46"/>
      <c r="J40" s="46"/>
      <c r="K40" s="46"/>
      <c r="L40" s="46"/>
      <c r="M40" s="46"/>
      <c r="N40" s="46"/>
      <c r="O40" s="46"/>
      <c r="P40" s="46"/>
      <c r="Q40" s="46"/>
      <c r="R40" s="46"/>
    </row>
    <row r="41" spans="1:18" x14ac:dyDescent="0.55000000000000004">
      <c r="A41" s="2"/>
      <c r="B41" s="2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</row>
    <row r="42" spans="1:18" x14ac:dyDescent="0.55000000000000004">
      <c r="A42" s="2"/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</row>
    <row r="43" spans="1:18" x14ac:dyDescent="0.55000000000000004">
      <c r="A43" s="2"/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</row>
    <row r="44" spans="1:18" x14ac:dyDescent="0.55000000000000004">
      <c r="A44" s="2"/>
      <c r="B44" s="2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2"/>
      <c r="O44" s="2"/>
      <c r="P44" s="2"/>
      <c r="Q44" s="2"/>
      <c r="R44" s="2"/>
    </row>
    <row r="45" spans="1:18" x14ac:dyDescent="0.55000000000000004">
      <c r="A45" s="2"/>
      <c r="B45" s="2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</row>
    <row r="46" spans="1:18" x14ac:dyDescent="0.55000000000000004">
      <c r="A46" s="2"/>
      <c r="B46" s="2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</row>
    <row r="47" spans="1:18" ht="20.5" x14ac:dyDescent="0.55000000000000004">
      <c r="A47" s="2"/>
      <c r="B47" s="2"/>
      <c r="C47" s="2"/>
      <c r="D47" s="2"/>
      <c r="E47" s="2"/>
      <c r="F47" s="32"/>
      <c r="G47" s="2"/>
      <c r="H47" s="2"/>
      <c r="I47" s="2"/>
      <c r="J47" s="2"/>
      <c r="K47" s="2"/>
      <c r="L47" s="2"/>
      <c r="M47" s="32"/>
      <c r="N47" s="2"/>
      <c r="O47" s="2"/>
      <c r="P47" s="2"/>
      <c r="Q47" s="2"/>
      <c r="R47" s="2"/>
    </row>
    <row r="48" spans="1:18" x14ac:dyDescent="0.55000000000000004">
      <c r="A48" s="2"/>
      <c r="B48" s="2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</row>
    <row r="49" spans="1:18" x14ac:dyDescent="0.55000000000000004">
      <c r="A49" s="2"/>
      <c r="B49" s="2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</row>
    <row r="50" spans="1:18" x14ac:dyDescent="0.55000000000000004">
      <c r="A50" s="2"/>
      <c r="B50" s="2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</row>
    <row r="51" spans="1:18" x14ac:dyDescent="0.55000000000000004">
      <c r="A51" s="2"/>
      <c r="B51" s="2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</row>
    <row r="52" spans="1:18" x14ac:dyDescent="0.55000000000000004">
      <c r="A52" s="2"/>
      <c r="B52" s="2"/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</row>
    <row r="53" spans="1:18" x14ac:dyDescent="0.55000000000000004">
      <c r="A53" s="2"/>
      <c r="B53" s="2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</row>
    <row r="54" spans="1:18" x14ac:dyDescent="0.55000000000000004">
      <c r="A54" s="2"/>
      <c r="B54" s="2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</row>
    <row r="55" spans="1:18" x14ac:dyDescent="0.55000000000000004">
      <c r="A55" s="2"/>
      <c r="B55" s="2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</row>
    <row r="56" spans="1:18" x14ac:dyDescent="0.55000000000000004">
      <c r="A56" s="2"/>
      <c r="B56" s="2"/>
      <c r="C56" s="2"/>
      <c r="D56" s="2"/>
      <c r="E56" s="2"/>
      <c r="F56" s="2"/>
      <c r="G56" s="2"/>
      <c r="H56" s="2"/>
      <c r="I56" s="2"/>
      <c r="J56" s="2"/>
      <c r="K56" s="2"/>
      <c r="L56" s="2"/>
      <c r="M56" s="2"/>
      <c r="N56" s="2"/>
      <c r="O56" s="2"/>
      <c r="P56" s="2"/>
      <c r="Q56" s="2"/>
      <c r="R56" s="2"/>
    </row>
    <row r="57" spans="1:18" x14ac:dyDescent="0.55000000000000004">
      <c r="A57" s="2"/>
      <c r="B57" s="2"/>
      <c r="C57" s="2"/>
      <c r="D57" s="2"/>
      <c r="E57" s="2"/>
      <c r="F57" s="2"/>
      <c r="G57" s="2"/>
      <c r="H57" s="2"/>
      <c r="I57" s="2"/>
      <c r="J57" s="2"/>
      <c r="K57" s="2"/>
      <c r="L57" s="2"/>
      <c r="M57" s="2"/>
      <c r="N57" s="2"/>
      <c r="O57" s="2"/>
      <c r="P57" s="2"/>
      <c r="Q57" s="2"/>
      <c r="R57" s="2"/>
    </row>
    <row r="58" spans="1:18" x14ac:dyDescent="0.55000000000000004">
      <c r="A58" s="2"/>
      <c r="B58" s="2"/>
      <c r="C58" s="2"/>
      <c r="D58" s="2"/>
      <c r="E58" s="2"/>
      <c r="F58" s="2"/>
      <c r="G58" s="2"/>
      <c r="H58" s="2"/>
      <c r="I58" s="2"/>
      <c r="J58" s="2"/>
      <c r="K58" s="2"/>
      <c r="L58" s="2"/>
      <c r="M58" s="2"/>
      <c r="N58" s="2"/>
      <c r="O58" s="2"/>
      <c r="P58" s="2"/>
      <c r="Q58" s="2"/>
      <c r="R58" s="2"/>
    </row>
    <row r="59" spans="1:18" x14ac:dyDescent="0.55000000000000004">
      <c r="A59" s="2"/>
      <c r="B59" s="2"/>
      <c r="C59" s="2"/>
      <c r="D59" s="2"/>
      <c r="E59" s="2"/>
      <c r="F59" s="2"/>
      <c r="G59" s="2"/>
      <c r="H59" s="2"/>
      <c r="I59" s="2"/>
      <c r="J59" s="2"/>
      <c r="K59" s="2"/>
      <c r="L59" s="2"/>
      <c r="M59" s="2"/>
      <c r="N59" s="2"/>
      <c r="O59" s="2"/>
      <c r="P59" s="2"/>
      <c r="Q59" s="2"/>
      <c r="R59" s="2"/>
    </row>
    <row r="60" spans="1:18" x14ac:dyDescent="0.55000000000000004">
      <c r="A60" s="2"/>
      <c r="B60" s="2"/>
      <c r="C60" s="2"/>
      <c r="D60" s="2"/>
      <c r="E60" s="2"/>
      <c r="F60" s="2"/>
      <c r="G60" s="2"/>
      <c r="H60" s="2"/>
      <c r="I60" s="2"/>
      <c r="J60" s="2"/>
      <c r="K60" s="2"/>
      <c r="L60" s="2"/>
      <c r="M60" s="2"/>
      <c r="N60" s="2"/>
      <c r="O60" s="2"/>
      <c r="P60" s="2"/>
      <c r="Q60" s="2"/>
      <c r="R60" s="2"/>
    </row>
    <row r="61" spans="1:18" x14ac:dyDescent="0.55000000000000004">
      <c r="A61" s="2"/>
      <c r="B61" s="2"/>
      <c r="C61" s="2"/>
      <c r="D61" s="2"/>
      <c r="E61" s="2"/>
      <c r="F61" s="2"/>
      <c r="G61" s="2"/>
      <c r="H61" s="2"/>
      <c r="I61" s="2"/>
      <c r="J61" s="2"/>
      <c r="K61" s="2"/>
      <c r="L61" s="2"/>
      <c r="M61" s="2"/>
      <c r="N61" s="2"/>
      <c r="O61" s="2"/>
      <c r="P61" s="2"/>
      <c r="Q61" s="2"/>
      <c r="R61" s="2"/>
    </row>
    <row r="62" spans="1:18" x14ac:dyDescent="0.55000000000000004">
      <c r="A62" s="2"/>
      <c r="B62" s="2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</row>
    <row r="63" spans="1:18" x14ac:dyDescent="0.55000000000000004">
      <c r="A63" s="2"/>
      <c r="B63" s="2"/>
      <c r="C63" s="2"/>
      <c r="D63" s="2"/>
      <c r="E63" s="2"/>
      <c r="F63" s="2"/>
      <c r="G63" s="2"/>
      <c r="H63" s="2"/>
      <c r="I63" s="2"/>
      <c r="J63" s="2"/>
      <c r="K63" s="2"/>
      <c r="L63" s="2"/>
      <c r="M63" s="2"/>
      <c r="N63" s="2"/>
      <c r="O63" s="2"/>
      <c r="P63" s="2"/>
      <c r="Q63" s="2"/>
      <c r="R63" s="2"/>
    </row>
    <row r="64" spans="1:18" x14ac:dyDescent="0.55000000000000004">
      <c r="A64" s="2"/>
      <c r="B64" s="2"/>
      <c r="C64" s="2"/>
      <c r="D64" s="2"/>
      <c r="E64" s="2"/>
      <c r="F64" s="2"/>
      <c r="G64" s="2"/>
      <c r="H64" s="2"/>
      <c r="I64" s="2"/>
      <c r="J64" s="2"/>
      <c r="K64" s="2"/>
      <c r="L64" s="2"/>
      <c r="M64" s="2"/>
      <c r="N64" s="2"/>
      <c r="O64" s="2"/>
      <c r="P64" s="2"/>
      <c r="Q64" s="2"/>
      <c r="R64" s="2"/>
    </row>
    <row r="65" spans="1:18" x14ac:dyDescent="0.55000000000000004">
      <c r="A65" s="2"/>
      <c r="B65" s="2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</row>
    <row r="66" spans="1:18" x14ac:dyDescent="0.55000000000000004">
      <c r="A66" s="2"/>
      <c r="B66" s="2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</row>
    <row r="67" spans="1:18" x14ac:dyDescent="0.55000000000000004">
      <c r="A67" s="2"/>
      <c r="B67" s="2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</row>
    <row r="68" spans="1:18" x14ac:dyDescent="0.55000000000000004">
      <c r="A68" s="2"/>
      <c r="B68" s="2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</row>
    <row r="69" spans="1:18" x14ac:dyDescent="0.55000000000000004">
      <c r="A69" s="2"/>
      <c r="B69" s="2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</row>
    <row r="70" spans="1:18" x14ac:dyDescent="0.55000000000000004">
      <c r="A70" s="2"/>
      <c r="B70" s="2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</row>
    <row r="71" spans="1:18" x14ac:dyDescent="0.55000000000000004">
      <c r="A71" s="2"/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</row>
    <row r="72" spans="1:18" x14ac:dyDescent="0.55000000000000004">
      <c r="A72" s="2"/>
      <c r="B72" s="2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</row>
    <row r="73" spans="1:18" x14ac:dyDescent="0.55000000000000004">
      <c r="A73" s="2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</row>
    <row r="74" spans="1:18" x14ac:dyDescent="0.55000000000000004">
      <c r="A74" s="2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</row>
    <row r="75" spans="1:18" x14ac:dyDescent="0.55000000000000004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</row>
    <row r="76" spans="1:18" x14ac:dyDescent="0.55000000000000004">
      <c r="A76" s="2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</row>
    <row r="77" spans="1:18" x14ac:dyDescent="0.55000000000000004">
      <c r="A77" s="2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</row>
    <row r="78" spans="1:18" x14ac:dyDescent="0.55000000000000004">
      <c r="A78" s="2"/>
      <c r="B78" s="2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</row>
    <row r="79" spans="1:18" x14ac:dyDescent="0.55000000000000004">
      <c r="A79" s="2"/>
      <c r="B79" s="2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</row>
    <row r="80" spans="1:18" x14ac:dyDescent="0.55000000000000004">
      <c r="A80" s="2"/>
      <c r="B80" s="2"/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</row>
    <row r="81" spans="1:18" x14ac:dyDescent="0.55000000000000004">
      <c r="A81" s="2"/>
      <c r="B81" s="2"/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</row>
    <row r="82" spans="1:18" x14ac:dyDescent="0.55000000000000004">
      <c r="A82" s="2"/>
      <c r="B82" s="2"/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</row>
    <row r="83" spans="1:18" x14ac:dyDescent="0.55000000000000004">
      <c r="A83" s="2"/>
      <c r="B83" s="2"/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</row>
    <row r="84" spans="1:18" x14ac:dyDescent="0.55000000000000004">
      <c r="A84" s="2"/>
      <c r="B84" s="2"/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</row>
  </sheetData>
  <mergeCells count="19">
    <mergeCell ref="Q2:R2"/>
    <mergeCell ref="A3:C3"/>
    <mergeCell ref="B13:C13"/>
    <mergeCell ref="B14:C14"/>
    <mergeCell ref="I2:J2"/>
    <mergeCell ref="B18:C18"/>
    <mergeCell ref="B15:C15"/>
    <mergeCell ref="A27:E27"/>
    <mergeCell ref="B19:C19"/>
    <mergeCell ref="B20:C20"/>
    <mergeCell ref="B21:C21"/>
    <mergeCell ref="B24:C24"/>
    <mergeCell ref="A4:A24"/>
    <mergeCell ref="B4:B12"/>
    <mergeCell ref="B16:C16"/>
    <mergeCell ref="B17:C17"/>
    <mergeCell ref="B22:C22"/>
    <mergeCell ref="B23:C23"/>
    <mergeCell ref="A25:O26"/>
  </mergeCells>
  <phoneticPr fontId="7"/>
  <pageMargins left="0.70866141732283472" right="0.70866141732283472" top="0.74803149606299213" bottom="0.74803149606299213" header="0.31496062992125984" footer="0.31496062992125984"/>
  <pageSetup paperSize="8" scale="96" orientation="landscape" r:id="rId1"/>
  <headerFooter>
    <oddHeader xml:space="preserve">&amp;R&amp;K0000002023年漁業センサス結果の概要（確定値）島根県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２-(2)（漁業）</vt:lpstr>
      <vt:lpstr>２-(2)（養殖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5-12-03T02:55:02Z</cp:lastPrinted>
  <dcterms:created xsi:type="dcterms:W3CDTF">2024-09-02T05:06:40Z</dcterms:created>
  <dcterms:modified xsi:type="dcterms:W3CDTF">2025-12-03T03:03:39Z</dcterms:modified>
</cp:coreProperties>
</file>